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docProps/custom.xml" ContentType="application/vnd.openxmlformats-officedocument.custom-properties+xml"/>
  <Override PartName="/customXml/itemProps1.xml" ContentType="application/vnd.openxmlformats-officedocument.customXmlProperties+xml"/>
  <Override PartName="/customXml/itemProps2.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328"/>
  <workbookPr filterPrivacy="1"/>
  <xr:revisionPtr revIDLastSave="0" documentId="13_ncr:1_{A8D7C2F2-0887-46A2-A6D4-B1F762BEE67A}" xr6:coauthVersionLast="47" xr6:coauthVersionMax="47" xr10:uidLastSave="{00000000-0000-0000-0000-000000000000}"/>
  <bookViews>
    <workbookView xWindow="28680" yWindow="1755" windowWidth="29040" windowHeight="15840" xr2:uid="{00000000-000D-0000-FFFF-FFFF00000000}"/>
  </bookViews>
  <sheets>
    <sheet name="Geotechnical " sheetId="1" r:id="rId1"/>
    <sheet name="Comments on Drawings" sheetId="2" r:id="rId2"/>
  </sheets>
  <calcPr calcId="191029" iterate="1"/>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117" uniqueCount="77">
  <si>
    <t>No.</t>
  </si>
  <si>
    <t>T&amp;T</t>
  </si>
  <si>
    <t>WSP</t>
  </si>
  <si>
    <t xml:space="preserve"> The stability analysis in the Geotechnical Interpretative Report does not appear to 
consider the geomembrane liner interface shear strengths and translational 
failure mechanisms on the geosynthetic interfaces. This has the potential to reduce 
the stability FoS, increase the likelihood of movement of waste and may result in 
damage to the liner system, which will impact expected leak rates and thus 
discharge of leachate to groundwater. Please provide technical justification for not 
considering interface shear strength on the geomembrane interface, and clearly 
explain if a smooth, mono textured or double textured material is being specified 
for the lining system on the various liner type areas, as this will impact the waste 
pile stability and therefore leachate containment. </t>
  </si>
  <si>
    <t>Date</t>
  </si>
  <si>
    <t xml:space="preserve">It is also unclear in the Geotechnical Interpretative Report where the stability 
analysis section for the new landfill was taken. Please outline how critical sections 
were selected including consideration of temporary and final slope profiles during 
the various stages of landfill development.   </t>
  </si>
  <si>
    <t xml:space="preserve"> Please confirm whether or not any new direct fault ruptures have been identified 
during the site investigations.  </t>
  </si>
  <si>
    <t xml:space="preserve">The site investigations did not identify evidence of any faults across the site. </t>
  </si>
  <si>
    <t xml:space="preserve">The in-situ soil and rock parameters adopted seem to be average values. Has 
consideration been given to the sensitivity if lower strength materials occur in 
unfavourable locations?  </t>
  </si>
  <si>
    <t xml:space="preserve"> Further justification is required for the Importance Level 2 (IL2) selection in the 
seismic stability analysis. Landfills are typically considered as IL3 facilities, as a 
minimum, due to containing hazardous materials (reference NZS1170 Table 3.2), 
and resultant changes to seismic loading parameters adopted in the stability 
analysis. Does the council consider the facility as a post disaster critical site?  </t>
  </si>
  <si>
    <t xml:space="preserve"> The application of two different seismic loads for different soil classes on one 
relatively small site area requires additional justification. Has the sensitivity of the 
higher seismic load been considered?  </t>
  </si>
  <si>
    <t xml:space="preserve">With the recent release of the National Seismic Hazard Model (NSHM) has the 
impact of this been considered due to the potential for this model to be 
incorporated into design standards within the design life of the landfill. Due to the 
critical performance requirements of a landfill has a Probabilistic Seismic Hazard 
Analysis (PSHA) been considered? </t>
  </si>
  <si>
    <t xml:space="preserve">Is there any impact to the liquefaction assessment from the seismic load condition 
changing? Liquefaction assessment appears to be related to BH01 with only one 
plasticity test result used as justification for determining material as non-liquefiable.
How does this relate to the landfill site as it appears to be founded on a 
different geological profile? </t>
  </si>
  <si>
    <t>Noted. Given the analysis was for the preliminary stage and the exact details of the liner had not been established, the liner was not included in the slope stability analyses. We have revised the analysis by including the liner as a region with lower strength parameters. Based on discussions with the landfill engineer, we have adopted the following lower bound parameters for double textured HDPE liner to be incorporated into the liner:
•	Friction angle range of 16 degrees to 18 degrees for a double textured HDPE liner. This parameter is mainly based on GRI Report #30 2005.
•	Unit weight of 17 kN/m3
The revised analysis for both Sections 1 and 2 based on the lower bound friction angle of 16 degrees for the liner indicate the factors of safety are still satisfactory under the static case and seismically induced displacements are small (estimated as 15mm maximum based on methodologies by Ambraseys &amp;Srbulov (1994), Ambraseys &amp; Menu (1988) and Jibson (2007), with possibly up to 30mm (i.e. 2 times) based on the yield acceleration ~0.17g). 
The analysis outputs are attached to this letter (document titled ‘Updated Analyses Outputs – Response to #29’).
The Geotechnical Interpretive Report (GIR) will be updated based on the revised analysis outputs and results. Based on discussions with the landfill engineer, we understand that double textured HDPE will be specified for the liner.</t>
  </si>
  <si>
    <t>The indicative alignments of the cross sections are shown on the concept design drawings in Appendix B – refer Drawing C206 of the Consent Application / AEE. These have been further annotated in the attached document titled ‘Response to Item #30’.
The critical cross sections were selected in the ‘east-west’ and ‘north-south’ directions of the proposed landfill. We acknowledge the sections were not cut perpendicular to the contour lines. However, we manually modified the landfill batters to model the steepest angle of 1(V): 4(H). The level of the crest of the landfill was also manually adjusted to RL36m as the final level of the landfill. The analyses are therefore considered to be representative of the steepest sections of the batters. 
All temporary slopes are considered to be 1(V): 4(H) max and therefore expected to be stable.</t>
  </si>
  <si>
    <t>For the purpose of preliminary analysis, we have adopted moderately conservative values for the in-situ soils and rocks. The slope stability analysis indicated the critical slips are contained within the refuse and the liner (refer question 29) as the parameters for the refuse are lower than the in-situ soils and rock.
We have carried out a sensitivity analysis for Section 1 using the lower bound parameters for the in-situ soils and rock as specified in the GIR. Please refer to the analysis outputs attached (refer to the document titled ‘Updated Analyses Outputs – Response to Question 32). The analysis indicates that the critical slips are still constrained to the landfill refuse / liner and therefore not sensitive to lower in-situ soil and rock parameters. 
The analysis for Section 2 (refer response Question 29) also considers lower bound parameters for the refuse. We have adopted the lower bound friction angle of 16 degrees for the double-textured HDPE in all the analyses.</t>
  </si>
  <si>
    <t>Noted. As you are aware, there are no specific standard currently in New Zealand to assess design earthquakes for a landfill. We had initially considered the landfill to be an IL2 facility but acknowledge that it can fall under the IL3 criteria. We have therefore revised the analysis based on IL3 seismic loads to assess the impacts on the analyses, mainly the slope stability and liquefaction assessments. The revised PGA under the DCLS/ULS case is calculated as 0.29g (in comparison with 0.23g for IL2).
The findings based on the revised analysis indicate the following:
•	The seismically induced displacements at the landfill expansion location are still small (typically &lt; 30mm) - refer to the Slope/W outputs in response to Question 29.
•	Liquefaction of an approximately 0.5m thick layer of alluvial deposits is anticipated at depths ranging between 4.0m and 4.5m bgl. The seismically induced displacements affecting the existing landfill are expected to range between 60mm and 330mm (and 150mm on average) based on the three adopted methodologies (refer to response to Question 36).
Based on discussions with CDC, the facility is not considered to be a post disaster critical site as there are two other landfills in general vicinity of Balclutha. We will revise the GIR based on IL3.</t>
  </si>
  <si>
    <t xml:space="preserve">Bedrock was encountered at shallow depths across the majority of landfill, with the exception of the western section, where thicker alluvial deposits were encountered. Therefore, we have separated the site into Site Subsoil Class C for the western section and B for the remainder of the site.
We have now assessed the seismically induced displacements based on the PGA of 0.29g associated with site subsoil class C (and IL3) and the results indicate the displacements are still small (&lt;30mm). The liquefaction triggering assessments have also been based on the PGA of 0.29g for site subsoil class C. </t>
  </si>
  <si>
    <t>We had not assessed the impact of the National Seismic Hazard Model (NSHM), given this guideline is in draft form and the preliminary stage of the project. There is an opportunity to incorporate this as part of the detailed design stage, if agreed with CDC. Given the relatively small seismic loads, we do not consider the higher PGA (estimated as 0.35g based on the NSHM) would make a material difference in the findings from the geotechnical assessments.
A Probabilistic Seismic Hazard Analysis (PSHA) has been outside the scope of the project at this preliminary stage. Given the relatively low seismicity of the region, we do not consider that a PSHA is warranted.</t>
  </si>
  <si>
    <t>We appreciate the preliminary liquefaction analyses are based on limited investigation data (mainly BH1) and laboratory testing at this stage. We have assessed the liquefaction susceptibility of soils based on the borehole log descriptions and laboratory testing results – refer to the attached document titled ‘Annotated BH1 Log’. 
We have revised the liquefaction analysis based on an increased PGA of 0.29 g (refer to revised analysis outputs). Please note the outputs presented in the current GIR had the incorrect SPT depth intervals and these will be revised in the final issue of the GIR.
The findings from the revised liquefaction analysis are as follows:
•	Liquefaction of an approximately 0.5m thick layer of alluvial deposits is anticipated at depths ranging between 4.0m and 4.5m bgl.
•	Seismically-induced displacements are estimated to range between 60mm and 330mm (and 150mm on average) based on the three adopted methodologies and the yield acceleration of 0.05g. We consider these displacements to be moderately conservative as they do not consider any pinning effect from the existing sheet pile wall and therefore the actual displacements on site are expected to be smaller. These displacements are not expected to result in releasing landfill contaminants, but may cause some cracking of the capping soils that may need to be re-profiled/topped up.
We consider the estimated settlements to be moderately conservative due to the following reasons:
•	The alluvial deposits are likely to be highly variable and interbedded and therefore liquefiable layers are unlikely to be laterally or vertically continuous across the site. We have currently allowed for a continuous layer in the models., which is likely to be conservative.
•	Any pinning effect from the sheet pile cut off wall has been ignored in the stability analyses. 
The relevant sections of the GIR (namely liquefaction and slope stability) will be updated to reflect the above changes.</t>
  </si>
  <si>
    <t>There appears to be sufficient detail on the new site access/resource recovery centre in the design drawings. The conceptual design detail on the landfill liner and drainage system however are absent from the drawings. Please provide information on the subsoil drainage system, landfill liner, leachate drainage system and capping details, and present these in the application drawings so that the landfill design concepts, that would be required to assess the proposed liner performance, can be evaluated and potentially be included in the consent conditions. These concept details would typically include:
a.	Liner typical details for landfill base, side slope and piggy back over existing landfill. 
b.	Liner connection detail between liner types and landfill stages. 
c.	Preparation of rock surface to receive the liner components. 
d.	Subsoil drainage concepts and general layout, if required. 
e.	Leachate collection system layout plan. 
f.	Any typical liner penetrations such as leachate outlet if gravity draining. 
g.	Design measures to manage the risk of translational failures on the geomembrane interface, for both intermediate and final waste footprint. 
h.	Landfill final capping typical details, including capping layers, stormwater drainage on waste. 
i.	Overall stormwater drainage around the new lined extension, and connection into the existing system, around eastern and southern portion of the new extension.</t>
  </si>
  <si>
    <t xml:space="preserve">Please refer to the attached design plans (Sheet Numbers C209 – C212) which show the concept details requested. </t>
  </si>
  <si>
    <t>Fill over an existing section of landfill with a new lined landfill will likely result in differential settlement which will likely place the composite liner in the piggy back area under both tensile and compressive strains. How are tensile strains being limited on the GCL/HDPE composite liner in the piggyback slope sections of the landfill? This could impact the liner containment and potential for leachate discharge from the new landfill development.</t>
  </si>
  <si>
    <t>There are a number of aspects to this question. Yes, differential settlement could occur on the batters of old refuse leading to localised “scallops” or depressions in the formation. We acknowledge that organic material (of which there is likely to be plenty) can experience considerable secondary consolidation, which can cause settlements that exceed that due to primary consolidation. The new liner would then potentially have to bridge these areas. Our comments in this regard are:
(a)	The consequences of liner damage on the old batters are low.  Any leakage through that liner is into existing refuse and becomes part of the existing leachate collection system contained by the sheet pile wall. The consequences of leakage through the “piggy back” liner sections are much less than for leakage through the new landfill floor. Equally, leachate from the old cells could flow the other way through any defect and into the new cell and be captured by the new cell leachate collection system. In fact, if seeps from the old refuse were identified during construction that would be tapped and brought into the new cell.
(b)	We considered whether it was even necessary to line the existing refuse batters. However, we opted for a conservative approach to lessen the leachate flowing through the existing fill.
(c)	There are two distinct zones of the side batters. Adjacent Stage 3 (Section 06 Sheet C212), the refuse fill is relatively old (5-10 years). It has intermediate capping in place. A degree of settlement will already have taken place.
(d)	Adjacent Stage 1 the batter is more irregular and waste is still to be placed (Section 05 Sheet C212).  Filling in this area will be managed to ensure a uniform consistency of waste without pockets of segregated organic wastes.
(e)	Prior to placing liner, these batters will be trimmed to shape, intermediate cover placed (if not already done) and then track rolled with heavy plant. Any soft spots which are identified by the track rolling would be backfilled with additional soil.
(f)	If there are any soft spots identified during proof rolling, then we can determine sizing of a geosynthetic reinforcement that is appropriate for the given site conditions. If there are soft spots identified, then we would be looking to extend reinforcement elements well beyond the localised area. The extent and size of reinforcement would be determined in detailed design.
(g)	With the above treatment, the strains imposed on the liner due to settlement are expected to be within the tolerance of the liner.
(h)	We have had a high level look at the empirical methods provided within the Asadi et al. paper (email of 4th October from Tonkin &amp; Taylor’s Jonathan Shamrock). The calculation methodology relies upon a number of assumptions and inputs that we cannot accurately quantify at this stage, particularly the diameter of the soft spots. Therefore, it is speculative to design for them at this stage.</t>
  </si>
  <si>
    <t xml:space="preserve">Landfill gas (LFG) will be generated by the old waste under the piggyback liner sections. How will this be captured and where will this drain/be emitted to? Similarly, how will LFG pressures below the liner system, and related tensile strains in the geosynthetics, be managed until waste is in place? </t>
  </si>
  <si>
    <t>Please refer to the Staging plans. Fill is initially taken to the top of the existing landfill platform for Stages 1, 2 and 3. A specific assessment of gas flows from the existing batters will be made at the time of final design for these stages. At this stage, we envisage the following construction procedure:
•	Strip off existing vegetation from batter.
•	Track roll and fill any irregularities in the batter surface with intermediate cover soil as necessary to leave a smooth surface.
•	Place gas drainage strip on a 5 m grid.
•	Place GCL.
•	Place HDPE.
Until the Stage 4 overlay is built, the gas drainage can vent to atmosphere at the top of the slope. As the waste comes up, the surcharge load will confine any gas pressure.
Once Stage 4 is built, the liner and drainage metal will confine the waste and act in the same manner as a GCL layer in a landfill cap. Note that Stage 4 is a long time in the future and that gas flows will have largely diminished by that stage.</t>
  </si>
  <si>
    <t xml:space="preserve">Has the impact of PFAS in leachate, and future acceptance of leachate for disposal at the WWTP been investigated? Is there a limit as to how much leachate can be discharged into this system? Is there a requirement for continued on site attenuation storage capacity, and if so, will the existing 770 m3 pond be lined? This is highlighted as the site will continue to generate leachate, even if the leachate can’t be disposed of to sewer, and if that happens it could spill into the environment if there is no attenuation storage/treatment capacity on site. The existing pond is located downstream of the cut-off wall, so any leachate stored in it will seep to groundwater as the pond is currently only clay lined. </t>
  </si>
  <si>
    <t>The existing pond is in the process of being lined with an impermeable geomembrane.</t>
  </si>
  <si>
    <t xml:space="preserve">Are the any monitoring results for PFAS/PFOA compounds in the existing leachate? </t>
  </si>
  <si>
    <t>The existing leachate has not been monitored for PFAS. We expect that PFAS will be present in the leachate given its ubiquitous presence in municipal refuse. PFAS / PFOA in New Zealand fall under the umbrella of the National Environmental Plan for PFAS (NEMP). This is a joint Australia / New Zealand document. Version 2 has been adopted by MfE. Version 3 contains more specific provisions for the wastewater industry. Version 3 is currently in draft format and is undergoing a review and adoption process. At such time as Version 3 is adopted on a national basis, we expect that the wastewater consent and leachate discharge from Mt Cooee will be reviewed for consistency with Version 3. We agree that PFAS in the leachate may prove at some future point to be a constraint on disposal to the Balclutha WWTP. But this would also be the case in every other WWTP in New Zealand and where else the leachate would go would become the question. At that point, the options for the site will need to be assessed. These could include closure of the site or a specific PFAS treatment step for the leachate.
In the meantime, it is proposed that CDC take a proactive stance and monitor for PFAS in the leachate on a six-monthly basis. ORC will need to provide guidance on testing. NEMP Version 3 Section 15.4.1 (Lines 3163-3168) does flag some issues around testing methodologies. “Details of biosolids sampling requirements to ensure characterisation is representative should be determined by each jurisdiction” (Line 3153).</t>
  </si>
  <si>
    <t xml:space="preserve">Please provide a plot of the estimated groundwater level superimposed on the base of liner level (top of liner less liner thickness). This is required to demonstrate separation of groundwater to the base of liner, and the need or not for a subsoil drainage system in the new lined extension. Elevated groundwater could impact liner construction and potentially damage the liner system if the groundwater level is above base of the liner. </t>
  </si>
  <si>
    <t xml:space="preserve">This response will be addressed as part of the wider Groundwater Report updates which are currently being undertaken and will be provided to the ORC as soon as possible. </t>
  </si>
  <si>
    <t>The groundwater report uses an assumed maximum leachate leakage rate of 0.1 mm/year. This equates to an estimated leak rate of 2.7 l/ha/day, with the site being 3.23 ha, a total leak rate of 8.8 l/day. In terms of expected leak rate, this does not appear to take account of the impact of liner wrinkles and measured leak rates from operational facilities described in the research literature. Please provide technical justification for this. Additionally, what construction quality assurance and control is proposed for the landfill liner material and installation, as this can have a significant impact on the expected leak rates?</t>
  </si>
  <si>
    <t>This response will be addressed as part of the wider Groundwater Report updates which are currently being undertaken and will be provided to the ORC as soon as possible</t>
  </si>
  <si>
    <t xml:space="preserve">Please provide justification for not including a separation geotextile layer over the leachate drainage stone. Not including this will result in physical clogging of the leachate drainage aggregate by fines from the waste disposed of over the drainage stone and thus blockage of the drainage layer, leading to a leachate phreatic head build up in the landfill, which will impact waste pile stability and liner leak rate. </t>
  </si>
  <si>
    <t>The definitive assertion above that “..will result…” is arguable. Providing a separation geotextile over the drainage aggregate is not a universal practice in New Zealand. It is not done at Broadlands Road (Taupo), Puwera (Whangarei), Bonny Glen or Hampton Downs landfills, as examples. Leachate drainage systems at these large sites continue to function well after 20-25 years. The counter argument to including the geotextile is that it adds another layer with fine pore size that can potentially clog due to biological or chemical processes and therefore impede drainage in the fill. More important is the type of waste placed initially against the drainage layer. This should be kerbside or bagged refuse.</t>
  </si>
  <si>
    <t xml:space="preserve">What basis will be used to specify the protection geotextile, as the report only states that this will be “specified accordingly” What basis will be used to determine the geomembrane strains from the leachate drainage stone at the expected waste pressures? What cut-off maximum strain for the HDPE geomembrane will be deemed allowable? </t>
  </si>
  <si>
    <t xml:space="preserve">We have not yet confirmed the source and specification (size and angularity) for the drainage metal. If a rounded aggregate in the general 20-40mm range is available, we would use the standard calculation methodology as described by Koerner in Section 5.6.7 of Designing with Geosynthetics (2012), applying a factor of safety of 3.0.
If the aggregate is a more angular material, then we would use physical testing. We typically use the ASTM D5514 test method (Standard Test Method for Large-Scale Hydrostatic Puncture Testing of Geosynthetics). TRI Australasia (Gold Coast, Australia) commercially provide this testing using the “Pizza method” where the proposed aggregate stones (use the actual site delivered aggregate) are set into a resin and the strains are measured off a thin metal disk by laser scanning of the disk to allow calculations of the strains. Geofabrics Australia can also do the testing at their laboratory. 
Acceptance criteria are based on the type of geomembrane and for PE type, we consider the limits proposed by Peggs 2003 and apply factors (we have used 2.0) as per Brachman 2018 (J Geotech and Geoenviron 144(6)). The Peggs 2003 strain values are adopted by the NSW and Victoria EPA landfill guidelines (and likely others in Australia). Strain values are given in the table below. 
</t>
  </si>
  <si>
    <t>Have the subsoil pipes below the existing landfill been incorporated into the existing pumped leachate manhole? Are these being monitored for quality and flow?</t>
  </si>
  <si>
    <t>Yes, they drain to the leachate system. The subsoil pipes are not accessible and are not monitored. The overall leachate flow is monitored for quality and quantity. Note that the pump station flow includes both the original subsoil pipes and the diverted old stormwater line (now in effect a leachate pipe).</t>
  </si>
  <si>
    <t>As part of the Gas management plan, a monitoring regime will be established. The main risks for migration we see are in the new transfer station area and against the landfill boundary against the property to the east. Provisionally, we propose two bores on the eastern boundary and 1-2 in the transfer station area. The surrounding ground to the new landfill cells is in situ greywacke with a generally low permeability. Therefore, we assess the risk from gas migration offsite to be low.</t>
  </si>
  <si>
    <t xml:space="preserve">It is not clear if LFG monitoring is being undertaken around the perimeter of the existing landfill, and if new monitoring wells are being considered for the new expansion? Are additional perimeter landfill gas migration monitoring points being considered to monitor the impact of the existing, unlined, landfill and to address the risk of lateral gas migration from this when it is capped or when sections of the old site is covered by the piggyback liner of the new landfill? Please explain your answer. </t>
  </si>
  <si>
    <t xml:space="preserve">As the leachate pump manhole is located in the area identified for possible inundation/flooding in large storm events is consideration being given to raising and sealing this manhole so that it is higher than the expected inundation level? Will the power supply/pump control panel also be raised? Is there a contingency plan in place to have a standby generator/power supply in order to allow the pump to work if there is a protracted period of power failure? </t>
  </si>
  <si>
    <t>The leachate pump station is in the process of being reconstructed. The top of the chamber and the control panel will be above 1% AEP flood level.</t>
  </si>
  <si>
    <t xml:space="preserve">What is the long-term planning for ongoing leachate management during the post closure phase of the existing, and new facility. As leachate will gravity drain to the pump manhole from the new extension, is the intension to maintain this as an active pumped system after closure until deemed acceptable to stop operation or in perpetuity? </t>
  </si>
  <si>
    <t xml:space="preserve">Leachate will be pumped to the Balclutha WWTP until such time as testing determines it to be benign for direct discharge to the river. This will be many years into the future. This situation is no different to most other landfills in New Zealand. </t>
  </si>
  <si>
    <t>The selection of a design life of 50 years needs further justification.  The landfill will need to perform acceptable containment for a period significantly longer than 50 years, and this will have resultant changes to the seismic loading parameters adopted in the stability analysis.</t>
  </si>
  <si>
    <t xml:space="preserve">Apologies for an incorrect statement. The design life of all the landfill liner and drainage components will be 100 years plus. The materials used will be to normal landfill specifications as used on other landfills in New Zealand. </t>
  </si>
  <si>
    <t>It seems to be unclear if any of the site soils will be reused for landfill construction. Will the intended liner, daily cover and final cover materials be predominately imported, or site sourced?</t>
  </si>
  <si>
    <t>Quantities of fine-grained soils suitable for daily cover, intermediate cover and liner construction on the site are limited. Granular fill in the form of partially weathered greywacke is readily available. The estimates have been based upon bringing liner soil from Blackhead quarry 5km from the site up Clutha Valley Road. The materials balance is primarily an economic factor for CDC to consider in the landfill business case and does not impact upon discharges. Traffic impacts are a CDC matter.</t>
  </si>
  <si>
    <t xml:space="preserve">The applicant has now included landfill liner components to the slope stability analysis. However, there is still remaining uncertainty regarding landfill stability, and related the calculated FOS. This primarily relates to issues like the selection critical slope sections, material parameter selection, consideration of the influence of groundwater and leachate levels, and analysis methodology. See recommendation Section 4 below.  </t>
  </si>
  <si>
    <t xml:space="preserve">The analysis outputs presented does not to appear to align with response text, see markups of ‘Response Item #30’. It is unclear how what and how the slope sections were manually modified, also how critical slope stability sections were select, taking into account both the basegrade, temporary and final landfill profiles. </t>
  </si>
  <si>
    <t xml:space="preserve">Acceptable response, although noting comments above regarding item 29.  </t>
  </si>
  <si>
    <t>Acceptable response, although noting comments above regarding item 29.</t>
  </si>
  <si>
    <t xml:space="preserve">Given the design life of a landfill and likelihood of the NSHM being adopted in some form during the landfills operational consented life, along with the uncertainty associated with seismic loading 
parameter we believe some form of consideration of seismic loading sensitivity would be recommended as part of the slope stability assessment. Also noting item 29 above and concerns regarding the existing slope stability analysis that when updated could highlight the criticality of seismic loading parameters.  </t>
  </si>
  <si>
    <t xml:space="preserve">Given the surcharge loading that will be applied by the new waste to be placed in the extension, and the uncertainty of the differential settlement that would occur under this load in the old waste, potential differential settlement areas will not likely be visible from just conducting surface works and addressing surface soft spots.  This potential will be driven by the waste at depth in the old landfill which will not be evident/exposed on surface.  Consideration should be given at the consent stage for the inclusion of a geogrid layer below the full extension piggyback liner in the drawing 
details to control potential tensile strains in the liner system. </t>
  </si>
  <si>
    <t>We consider this now closed</t>
  </si>
  <si>
    <t>Mt Cooee Landfill</t>
  </si>
  <si>
    <t>6-CO082.00</t>
  </si>
  <si>
    <t>Project No.</t>
  </si>
  <si>
    <t>Project Name</t>
  </si>
  <si>
    <t>Geotechnical Peer Review Comment Tracker</t>
  </si>
  <si>
    <t xml:space="preserve">It is NZ standard practice for a 300mm leachate drainage layer to be included in the design of a Class 1  waste facility and to maintain operations such that the leachate phreatic head does not exceed 300mm. The main purpose of this design is to reduce the phreatic head (driving force) on the underlying HDPE liner in order to minimise leakage of the liner system. The inclusion of a separation geotextiles, placed between the leachate drainage aggregate and overlying waste, increases the ability of the landfill to maintain these operational conditions over time and has been proven by international research.
Although not a universal practice in NZ we believe the inclusion of a separation geotextile layer in a landfill leachate drainage system represents standard landfill design practice based on current research understanding.  We are aware that the inclusion of the separation geotextile layer over the leachate collection layer in landfills is required in, as examples, Australia, in both the BEPM guidelines in Victoria and the NSW guidelines, and in the South Africa landfill design regulations. 
The inclusion in these requirements is largely due to the research conducted by Kerry Rowe at Queens university in Canada in 2005, using mesocosm studies to evaluate the performance of leachate collection systems over time and the beneficial long-term performance including a separation geotextile with resultant reduced leakage potential. 
As stated in Rowe, R.K., (2005) – Geotechnique 55, No. 9, 631-678, Long term performance of contaminant barrier system, “Thus, while recognising that geotextiles will clog, theoretical considerations, mesocosm studies and field observations all indicate that an appropriately selected geotextile used to protect gravel in a blanket drain will improve performance and the service life of the drainage gravel and not cause excessive perched leachate mounding.” 
An unprotected stone drainage layer will clog over time as leachate carries fine particulates down into the layer as the net flux of flow is from the waste body, including cover soils and waste, into the drainage layer.  These fines will build up in the voidsbetween the stones, and in the pipes, and will cause a reduction in permeability over time, which will be accelerated by chemical and biological clogging. This will likely result in an increased build-up of leachate and thus phreatic pressure on the underlying HDPE liner and therefore potential increased liner leakage.
A geotextile layer forms a filter, and thus reduces the physical clogging of the stone layer over time. Although chemical and biological clogging of the geotextile will occur over time, this is unlikely to ever become a totally impermeable layer.  If a phreatic head does build up on this geotextile layer it will do so up to a point that flow will be able to get through the geotextile, where it will encounter an relatively unclogged underlying stone drainage layer and thus not cause a built up of phreatic head on the landfill liner (the main containment barrier), and in turn result in the reduced leakage potential/rate from the facility. 
It is for these reasons that we believe it is good practice to include a geotextile separation layer as part of the proposed landfill concept design leachate collection system. If required we would be happy to provide example sites in NZ where this separation geotextile has been included, including historic and recently consented facilities. </t>
  </si>
  <si>
    <t>Geotech/Landfill</t>
  </si>
  <si>
    <t>Page No. of T&amp;T 22/12/2023 Response</t>
  </si>
  <si>
    <t>Landfill</t>
  </si>
  <si>
    <t>Now added to the drawings</t>
  </si>
  <si>
    <t xml:space="preserve">Geotech </t>
  </si>
  <si>
    <t>Leachate levels now included in analysis</t>
  </si>
  <si>
    <t>The bund is now visible in section D-D' of the global stability outputs.</t>
  </si>
  <si>
    <t>New cross sections have now been cut</t>
  </si>
  <si>
    <t>The construction stages have now been modelled for section D-D' as this appears to be the critical section.</t>
  </si>
  <si>
    <t>Our revised analyses have indicated satisfactory FoS/displacments so we have not revised the parameter selection.</t>
  </si>
  <si>
    <t>We have revised  our global stability analysis so that the sections analysed reflect the crictical slope sections. 
As per discussion during meeting with T&amp;T on 01/02/2024,  we agreed that we would review an elevated leachate case in which the leachate  level coinsided with the height of the bund along the western face of the landfill. We have now reviewed this case and with the level elevated an additional 2m above the bund to capture additional uncertainty in the leechate level and to demonstrate the insensitivity of this case.
T&amp;T noted that some of our material parameter slection was moderately conservative, particularly in regard to the refuse parameters. Our revised analyses have indicated satisfactory FoS/displacments so we have not revised the parameter selection. We consider the existing parameters appropriate for preliminary analysis given the uncertainty in landfill composition.</t>
  </si>
  <si>
    <t xml:space="preserve">We have revised the global stability analysis so that the sections are now cut perpendicular to the critical slope. We have analysed the following sections: 
•	Section A-A’ in the ‘east/west’ direction, over the piggy-back landfill.
•	Section B-B’ in the ‘north/south’ direction, over the piggy-back landfill
•	Section C-C’ in the ‘north/south’ direction, within the landfill expansion area
•	Section D-D’ in the ‘east/west’ direction, perpendicular to the drainage bund
Due to the geometry of  the landfill we have had to 'bend' the section lines so that they are perpendicular to the landfill batters. 
</t>
  </si>
  <si>
    <t xml:space="preserve">Section B.2 Leachate Management of the WasteMINZ Disposal to Land Guidelines Rev3.1 (2023) provides guidance on the installation of leachate blankets, including the addition of a Geotextile (if necessary). While we agree with the commentary regarding the value of a separation Geotextile, it is not appropriate to require this additional control universally, especially considering the current NZ design guidance and given the geofabric can become clogged.
The Guidelines provide a general design approach which is to ensure ‘design leachate head does not exceed 300mm, with appropriate allowance for long-term performance of the leachate blanket’, this section goes on to state: ‘The design of the drainage blanket needs to take into account the required hydraulic conductivity, the overburden load from the waste and the protection required for the underlying geomembrane, if provided. The media should be free of fine material and comprise of a non-calcareous stone (less than 10% CaCO3)’. 
When describing the liner configuration, the use of a separation geotextile is only referred to “if required’ (e.g. due to filter incompatibility with the landfill materials), as shown in Figure 5-2 liner types:
 </t>
  </si>
  <si>
    <t>NSHM PGAs have been assessed for the landfill location assuming a Vs_30 of 150m/s for the landfill development area. The increase in PGA sourced from the current MBIE guidelines compared to the NSHM translates to approximately a 25% increase  for both SLS and DCLS/ULS events in terms of PGA and corresponds to about a 100% increase in ULS displacements. These displacements are still tolerable despite the increase.</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4" x14ac:knownFonts="1">
    <font>
      <sz val="11"/>
      <color theme="1"/>
      <name val="Aptos Narrow"/>
      <family val="2"/>
      <scheme val="minor"/>
    </font>
    <font>
      <sz val="11"/>
      <color theme="1"/>
      <name val="Arial"/>
      <family val="2"/>
    </font>
    <font>
      <b/>
      <sz val="11"/>
      <color theme="1"/>
      <name val="Arial"/>
      <family val="2"/>
    </font>
    <font>
      <sz val="11"/>
      <color rgb="FFFF0000"/>
      <name val="Arial"/>
      <family val="2"/>
    </font>
  </fonts>
  <fills count="3">
    <fill>
      <patternFill patternType="none"/>
    </fill>
    <fill>
      <patternFill patternType="gray125"/>
    </fill>
    <fill>
      <patternFill patternType="solid">
        <fgColor rgb="FFFFFF00"/>
        <bgColor indexed="64"/>
      </patternFill>
    </fill>
  </fills>
  <borders count="8">
    <border>
      <left/>
      <right/>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style="medium">
        <color indexed="64"/>
      </right>
      <top/>
      <bottom style="medium">
        <color indexed="64"/>
      </bottom>
      <diagonal/>
    </border>
    <border>
      <left style="medium">
        <color indexed="64"/>
      </left>
      <right/>
      <top style="medium">
        <color indexed="64"/>
      </top>
      <bottom style="medium">
        <color indexed="64"/>
      </bottom>
      <diagonal/>
    </border>
    <border>
      <left/>
      <right style="medium">
        <color indexed="64"/>
      </right>
      <top style="medium">
        <color indexed="64"/>
      </top>
      <bottom style="medium">
        <color indexed="64"/>
      </bottom>
      <diagonal/>
    </border>
    <border>
      <left/>
      <right/>
      <top style="medium">
        <color indexed="64"/>
      </top>
      <bottom style="medium">
        <color indexed="64"/>
      </bottom>
      <diagonal/>
    </border>
  </borders>
  <cellStyleXfs count="1">
    <xf numFmtId="0" fontId="0" fillId="0" borderId="0"/>
  </cellStyleXfs>
  <cellXfs count="41">
    <xf numFmtId="0" fontId="0" fillId="0" borderId="0" xfId="0"/>
    <xf numFmtId="0" fontId="1" fillId="0" borderId="0" xfId="0" applyFont="1"/>
    <xf numFmtId="0" fontId="2" fillId="0" borderId="0" xfId="0" applyFont="1"/>
    <xf numFmtId="0" fontId="1" fillId="0" borderId="1" xfId="0" applyFont="1" applyBorder="1" applyAlignment="1">
      <alignment horizontal="left" vertical="top" wrapText="1"/>
    </xf>
    <xf numFmtId="14" fontId="1" fillId="0" borderId="2" xfId="0" applyNumberFormat="1" applyFont="1" applyBorder="1" applyAlignment="1">
      <alignment horizontal="left" vertical="top" wrapText="1"/>
    </xf>
    <xf numFmtId="14" fontId="1" fillId="0" borderId="2" xfId="0" applyNumberFormat="1" applyFont="1" applyBorder="1" applyAlignment="1">
      <alignment horizontal="left" vertical="top"/>
    </xf>
    <xf numFmtId="0" fontId="1" fillId="0" borderId="1" xfId="0" applyFont="1" applyBorder="1" applyAlignment="1">
      <alignment horizontal="left" vertical="top"/>
    </xf>
    <xf numFmtId="0" fontId="1" fillId="0" borderId="2" xfId="0" applyFont="1" applyBorder="1" applyAlignment="1">
      <alignment horizontal="left" vertical="top"/>
    </xf>
    <xf numFmtId="0" fontId="1" fillId="0" borderId="2" xfId="0" applyFont="1" applyBorder="1"/>
    <xf numFmtId="0" fontId="1" fillId="0" borderId="1" xfId="0" applyFont="1" applyBorder="1"/>
    <xf numFmtId="0" fontId="1" fillId="0" borderId="0" xfId="0" applyFont="1" applyAlignment="1">
      <alignment horizontal="left" vertical="top"/>
    </xf>
    <xf numFmtId="0" fontId="2" fillId="0" borderId="1" xfId="0" applyFont="1" applyBorder="1"/>
    <xf numFmtId="0" fontId="2" fillId="0" borderId="3" xfId="0" applyFont="1" applyBorder="1"/>
    <xf numFmtId="0" fontId="1" fillId="0" borderId="3" xfId="0" applyFont="1" applyBorder="1" applyAlignment="1">
      <alignment horizontal="left" vertical="top" wrapText="1"/>
    </xf>
    <xf numFmtId="14" fontId="1" fillId="0" borderId="4" xfId="0" applyNumberFormat="1" applyFont="1" applyBorder="1" applyAlignment="1">
      <alignment horizontal="left" vertical="top" wrapText="1"/>
    </xf>
    <xf numFmtId="14" fontId="1" fillId="0" borderId="4" xfId="0" applyNumberFormat="1" applyFont="1" applyBorder="1" applyAlignment="1">
      <alignment horizontal="left" vertical="top"/>
    </xf>
    <xf numFmtId="0" fontId="1" fillId="0" borderId="3" xfId="0" applyFont="1" applyBorder="1" applyAlignment="1">
      <alignment horizontal="left" vertical="top"/>
    </xf>
    <xf numFmtId="0" fontId="1" fillId="0" borderId="4" xfId="0" applyFont="1" applyBorder="1" applyAlignment="1">
      <alignment horizontal="left" vertical="top"/>
    </xf>
    <xf numFmtId="0" fontId="1" fillId="0" borderId="3" xfId="0" applyFont="1" applyBorder="1"/>
    <xf numFmtId="0" fontId="1" fillId="0" borderId="4" xfId="0" applyFont="1" applyBorder="1"/>
    <xf numFmtId="0" fontId="2" fillId="0" borderId="5" xfId="0" applyFont="1" applyBorder="1"/>
    <xf numFmtId="0" fontId="2" fillId="0" borderId="5" xfId="0" applyFont="1" applyBorder="1" applyAlignment="1">
      <alignment horizontal="left" vertical="top"/>
    </xf>
    <xf numFmtId="0" fontId="2" fillId="0" borderId="6" xfId="0" applyFont="1" applyBorder="1" applyAlignment="1">
      <alignment horizontal="left" vertical="top"/>
    </xf>
    <xf numFmtId="0" fontId="1" fillId="0" borderId="1" xfId="0" applyFont="1" applyBorder="1" applyAlignment="1">
      <alignment vertical="top" wrapText="1"/>
    </xf>
    <xf numFmtId="14" fontId="1" fillId="0" borderId="2" xfId="0" applyNumberFormat="1" applyFont="1" applyBorder="1" applyAlignment="1">
      <alignment vertical="top"/>
    </xf>
    <xf numFmtId="0" fontId="1" fillId="2" borderId="1" xfId="0" applyFont="1" applyFill="1" applyBorder="1" applyAlignment="1">
      <alignment vertical="top"/>
    </xf>
    <xf numFmtId="0" fontId="1" fillId="0" borderId="1" xfId="0" applyFont="1" applyBorder="1" applyAlignment="1">
      <alignment vertical="top"/>
    </xf>
    <xf numFmtId="0" fontId="1" fillId="2" borderId="3" xfId="0" applyFont="1" applyFill="1" applyBorder="1" applyAlignment="1">
      <alignment vertical="top"/>
    </xf>
    <xf numFmtId="14" fontId="1" fillId="0" borderId="4" xfId="0" applyNumberFormat="1" applyFont="1" applyBorder="1" applyAlignment="1">
      <alignment vertical="top"/>
    </xf>
    <xf numFmtId="0" fontId="2" fillId="0" borderId="7" xfId="0" applyFont="1" applyBorder="1" applyAlignment="1">
      <alignment horizontal="left" vertical="top"/>
    </xf>
    <xf numFmtId="0" fontId="1" fillId="0" borderId="0" xfId="0" applyFont="1" applyAlignment="1">
      <alignment horizontal="left" vertical="top" wrapText="1"/>
    </xf>
    <xf numFmtId="0" fontId="2" fillId="0" borderId="7" xfId="0" applyFont="1" applyBorder="1" applyAlignment="1">
      <alignment horizontal="left" vertical="top" wrapText="1"/>
    </xf>
    <xf numFmtId="0" fontId="3" fillId="0" borderId="1" xfId="0" applyFont="1" applyBorder="1" applyAlignment="1">
      <alignment vertical="top"/>
    </xf>
    <xf numFmtId="0" fontId="1" fillId="0" borderId="2" xfId="0" applyFont="1" applyBorder="1" applyAlignment="1">
      <alignment horizontal="center"/>
    </xf>
    <xf numFmtId="0" fontId="2" fillId="0" borderId="0" xfId="0" applyFont="1" applyAlignment="1">
      <alignment horizontal="left"/>
    </xf>
    <xf numFmtId="14" fontId="1" fillId="0" borderId="2" xfId="0" applyNumberFormat="1" applyFont="1" applyBorder="1" applyAlignment="1">
      <alignment horizontal="left" vertical="top"/>
    </xf>
    <xf numFmtId="0" fontId="1" fillId="0" borderId="1" xfId="0" applyFont="1" applyBorder="1" applyAlignment="1">
      <alignment vertical="top" wrapText="1"/>
    </xf>
    <xf numFmtId="14" fontId="1" fillId="0" borderId="2" xfId="0" applyNumberFormat="1" applyFont="1" applyBorder="1" applyAlignment="1">
      <alignment vertical="top"/>
    </xf>
    <xf numFmtId="0" fontId="1" fillId="0" borderId="1" xfId="0" applyFont="1" applyBorder="1" applyAlignment="1">
      <alignment horizontal="center"/>
    </xf>
    <xf numFmtId="0" fontId="1" fillId="0" borderId="1" xfId="0" applyFont="1" applyBorder="1" applyAlignment="1">
      <alignment horizontal="left" vertical="top" wrapText="1"/>
    </xf>
    <xf numFmtId="0" fontId="2" fillId="0" borderId="1" xfId="0" applyFont="1" applyBorder="1" applyAlignment="1">
      <alignment horizontal="right" vertical="top"/>
    </xf>
  </cellXfs>
  <cellStyles count="1">
    <cellStyle name="Normal" xfId="0" builtinId="0"/>
  </cellStyles>
  <dxfs count="0"/>
  <tableStyles count="0" defaultTableStyle="TableStyleMedium2" defaultPivotStyle="PivotStyleLight16"/>
  <colors>
    <mruColors>
      <color rgb="FF0000F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theme" Target="theme/theme1.xml"/><Relationship Id="rId7"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ustomXml" Target="../customXml/item1.xml"/><Relationship Id="rId11" Type="http://schemas.openxmlformats.org/officeDocument/2006/relationships/customXml" Target="../customXml/item6.xml"/><Relationship Id="rId5" Type="http://schemas.openxmlformats.org/officeDocument/2006/relationships/sharedStrings" Target="sharedStrings.xml"/><Relationship Id="rId10" Type="http://schemas.openxmlformats.org/officeDocument/2006/relationships/customXml" Target="../customXml/item5.xml"/><Relationship Id="rId4" Type="http://schemas.openxmlformats.org/officeDocument/2006/relationships/styles" Target="style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cid:image002.png@01D9F2BB.2C23A540" TargetMode="External"/><Relationship Id="rId1" Type="http://schemas.openxmlformats.org/officeDocument/2006/relationships/image" Target="../media/image1.png"/><Relationship Id="rId4" Type="http://schemas.openxmlformats.org/officeDocument/2006/relationships/image" Target="../media/image3.png"/></Relationships>
</file>

<file path=xl/drawings/_rels/drawing2.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2" Type="http://schemas.openxmlformats.org/officeDocument/2006/relationships/image" Target="../media/image5.png"/><Relationship Id="rId1" Type="http://schemas.openxmlformats.org/officeDocument/2006/relationships/image" Target="../media/image4.png"/><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xl/drawings/drawing1.xml><?xml version="1.0" encoding="utf-8"?>
<xdr:wsDr xmlns:xdr="http://schemas.openxmlformats.org/drawingml/2006/spreadsheetDrawing" xmlns:a="http://schemas.openxmlformats.org/drawingml/2006/main">
  <xdr:twoCellAnchor editAs="oneCell">
    <xdr:from>
      <xdr:col>3</xdr:col>
      <xdr:colOff>2266950</xdr:colOff>
      <xdr:row>23</xdr:row>
      <xdr:rowOff>2028825</xdr:rowOff>
    </xdr:from>
    <xdr:to>
      <xdr:col>3</xdr:col>
      <xdr:colOff>7540307</xdr:colOff>
      <xdr:row>23</xdr:row>
      <xdr:rowOff>4247515</xdr:rowOff>
    </xdr:to>
    <xdr:pic>
      <xdr:nvPicPr>
        <xdr:cNvPr id="2" name="Picture 1">
          <a:extLst>
            <a:ext uri="{FF2B5EF4-FFF2-40B4-BE49-F238E27FC236}">
              <a16:creationId xmlns:a16="http://schemas.microsoft.com/office/drawing/2014/main" id="{B1B19B9C-D0FD-842E-F20D-879F3DC3D39B}"/>
            </a:ext>
          </a:extLst>
        </xdr:cNvPr>
        <xdr:cNvPicPr>
          <a:picLocks noChangeAspect="1"/>
        </xdr:cNvPicPr>
      </xdr:nvPicPr>
      <xdr:blipFill>
        <a:blip xmlns:r="http://schemas.openxmlformats.org/officeDocument/2006/relationships" r:embed="rId1" r:link="rId2">
          <a:extLst>
            <a:ext uri="{28A0092B-C50C-407E-A947-70E740481C1C}">
              <a14:useLocalDpi xmlns:a14="http://schemas.microsoft.com/office/drawing/2010/main" val="0"/>
            </a:ext>
          </a:extLst>
        </a:blip>
        <a:srcRect/>
        <a:stretch>
          <a:fillRect/>
        </a:stretch>
      </xdr:blipFill>
      <xdr:spPr bwMode="auto">
        <a:xfrm>
          <a:off x="9767888" y="39604950"/>
          <a:ext cx="5273357" cy="2218690"/>
        </a:xfrm>
        <a:prstGeom prst="rect">
          <a:avLst/>
        </a:prstGeom>
        <a:noFill/>
        <a:ln>
          <a:noFill/>
        </a:ln>
      </xdr:spPr>
    </xdr:pic>
    <xdr:clientData/>
  </xdr:twoCellAnchor>
  <xdr:twoCellAnchor editAs="oneCell">
    <xdr:from>
      <xdr:col>5</xdr:col>
      <xdr:colOff>1204912</xdr:colOff>
      <xdr:row>21</xdr:row>
      <xdr:rowOff>3842657</xdr:rowOff>
    </xdr:from>
    <xdr:to>
      <xdr:col>5</xdr:col>
      <xdr:colOff>5687786</xdr:colOff>
      <xdr:row>22</xdr:row>
      <xdr:rowOff>2055487</xdr:rowOff>
    </xdr:to>
    <xdr:pic>
      <xdr:nvPicPr>
        <xdr:cNvPr id="3" name="Picture 2">
          <a:extLst>
            <a:ext uri="{FF2B5EF4-FFF2-40B4-BE49-F238E27FC236}">
              <a16:creationId xmlns:a16="http://schemas.microsoft.com/office/drawing/2014/main" id="{0A1407BC-9780-BA63-D2B3-5A2536FB4132}"/>
            </a:ext>
          </a:extLst>
        </xdr:cNvPr>
        <xdr:cNvPicPr>
          <a:picLocks noChangeAspect="1"/>
        </xdr:cNvPicPr>
      </xdr:nvPicPr>
      <xdr:blipFill>
        <a:blip xmlns:r="http://schemas.openxmlformats.org/officeDocument/2006/relationships" r:embed="rId3"/>
        <a:stretch>
          <a:fillRect/>
        </a:stretch>
      </xdr:blipFill>
      <xdr:spPr>
        <a:xfrm>
          <a:off x="21983019" y="32512907"/>
          <a:ext cx="4482874" cy="3410759"/>
        </a:xfrm>
        <a:prstGeom prst="rect">
          <a:avLst/>
        </a:prstGeom>
      </xdr:spPr>
    </xdr:pic>
    <xdr:clientData/>
  </xdr:twoCellAnchor>
  <xdr:twoCellAnchor editAs="oneCell">
    <xdr:from>
      <xdr:col>7</xdr:col>
      <xdr:colOff>1591235</xdr:colOff>
      <xdr:row>21</xdr:row>
      <xdr:rowOff>2879912</xdr:rowOff>
    </xdr:from>
    <xdr:to>
      <xdr:col>7</xdr:col>
      <xdr:colOff>5210735</xdr:colOff>
      <xdr:row>22</xdr:row>
      <xdr:rowOff>214033</xdr:rowOff>
    </xdr:to>
    <xdr:pic>
      <xdr:nvPicPr>
        <xdr:cNvPr id="4" name="Picture 3">
          <a:extLst>
            <a:ext uri="{FF2B5EF4-FFF2-40B4-BE49-F238E27FC236}">
              <a16:creationId xmlns:a16="http://schemas.microsoft.com/office/drawing/2014/main" id="{5D77241C-3CE9-5515-1E4F-4C205215F87C}"/>
            </a:ext>
          </a:extLst>
        </xdr:cNvPr>
        <xdr:cNvPicPr>
          <a:picLocks noChangeAspect="1"/>
        </xdr:cNvPicPr>
      </xdr:nvPicPr>
      <xdr:blipFill>
        <a:blip xmlns:r="http://schemas.openxmlformats.org/officeDocument/2006/relationships" r:embed="rId4">
          <a:extLst>
            <a:ext uri="{28A0092B-C50C-407E-A947-70E740481C1C}">
              <a14:useLocalDpi xmlns:a14="http://schemas.microsoft.com/office/drawing/2010/main" val="0"/>
            </a:ext>
          </a:extLst>
        </a:blip>
        <a:srcRect/>
        <a:stretch>
          <a:fillRect/>
        </a:stretch>
      </xdr:blipFill>
      <xdr:spPr bwMode="auto">
        <a:xfrm>
          <a:off x="30838588" y="31555765"/>
          <a:ext cx="3619500" cy="2533650"/>
        </a:xfrm>
        <a:prstGeom prst="rect">
          <a:avLst/>
        </a:prstGeom>
        <a:noFill/>
        <a:ln>
          <a:noFill/>
        </a:ln>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0</xdr:col>
      <xdr:colOff>1152525</xdr:colOff>
      <xdr:row>4</xdr:row>
      <xdr:rowOff>323850</xdr:rowOff>
    </xdr:from>
    <xdr:to>
      <xdr:col>0</xdr:col>
      <xdr:colOff>5219192</xdr:colOff>
      <xdr:row>4</xdr:row>
      <xdr:rowOff>2723850</xdr:rowOff>
    </xdr:to>
    <xdr:pic>
      <xdr:nvPicPr>
        <xdr:cNvPr id="2" name="Picture 1">
          <a:extLst>
            <a:ext uri="{FF2B5EF4-FFF2-40B4-BE49-F238E27FC236}">
              <a16:creationId xmlns:a16="http://schemas.microsoft.com/office/drawing/2014/main" id="{B09D0F80-12BA-DE80-FBB6-01C92DA5A325}"/>
            </a:ext>
          </a:extLst>
        </xdr:cNvPr>
        <xdr:cNvPicPr>
          <a:picLocks noChangeAspect="1"/>
        </xdr:cNvPicPr>
      </xdr:nvPicPr>
      <xdr:blipFill>
        <a:blip xmlns:r="http://schemas.openxmlformats.org/officeDocument/2006/relationships" r:embed="rId1"/>
        <a:stretch>
          <a:fillRect/>
        </a:stretch>
      </xdr:blipFill>
      <xdr:spPr>
        <a:xfrm>
          <a:off x="1152525" y="1104900"/>
          <a:ext cx="4066667" cy="2400000"/>
        </a:xfrm>
        <a:prstGeom prst="rect">
          <a:avLst/>
        </a:prstGeom>
      </xdr:spPr>
    </xdr:pic>
    <xdr:clientData/>
  </xdr:twoCellAnchor>
  <xdr:twoCellAnchor editAs="oneCell">
    <xdr:from>
      <xdr:col>0</xdr:col>
      <xdr:colOff>1428750</xdr:colOff>
      <xdr:row>5</xdr:row>
      <xdr:rowOff>352425</xdr:rowOff>
    </xdr:from>
    <xdr:to>
      <xdr:col>0</xdr:col>
      <xdr:colOff>5352559</xdr:colOff>
      <xdr:row>5</xdr:row>
      <xdr:rowOff>2323854</xdr:rowOff>
    </xdr:to>
    <xdr:pic>
      <xdr:nvPicPr>
        <xdr:cNvPr id="3" name="Picture 2">
          <a:extLst>
            <a:ext uri="{FF2B5EF4-FFF2-40B4-BE49-F238E27FC236}">
              <a16:creationId xmlns:a16="http://schemas.microsoft.com/office/drawing/2014/main" id="{4F658B54-CB4F-322E-C42F-AF9D470EE4E4}"/>
            </a:ext>
          </a:extLst>
        </xdr:cNvPr>
        <xdr:cNvPicPr>
          <a:picLocks noChangeAspect="1"/>
        </xdr:cNvPicPr>
      </xdr:nvPicPr>
      <xdr:blipFill>
        <a:blip xmlns:r="http://schemas.openxmlformats.org/officeDocument/2006/relationships" r:embed="rId2"/>
        <a:stretch>
          <a:fillRect/>
        </a:stretch>
      </xdr:blipFill>
      <xdr:spPr>
        <a:xfrm>
          <a:off x="1428750" y="4619625"/>
          <a:ext cx="3923809" cy="1971429"/>
        </a:xfrm>
        <a:prstGeom prst="rect">
          <a:avLst/>
        </a:prstGeom>
      </xdr:spPr>
    </xdr:pic>
    <xdr:clientData/>
  </xdr:twoCellAnchor>
  <xdr:twoCellAnchor editAs="oneCell">
    <xdr:from>
      <xdr:col>0</xdr:col>
      <xdr:colOff>1581150</xdr:colOff>
      <xdr:row>6</xdr:row>
      <xdr:rowOff>533400</xdr:rowOff>
    </xdr:from>
    <xdr:to>
      <xdr:col>0</xdr:col>
      <xdr:colOff>4771626</xdr:colOff>
      <xdr:row>6</xdr:row>
      <xdr:rowOff>2133400</xdr:rowOff>
    </xdr:to>
    <xdr:pic>
      <xdr:nvPicPr>
        <xdr:cNvPr id="4" name="Picture 3">
          <a:extLst>
            <a:ext uri="{FF2B5EF4-FFF2-40B4-BE49-F238E27FC236}">
              <a16:creationId xmlns:a16="http://schemas.microsoft.com/office/drawing/2014/main" id="{50422659-B91B-CD79-9932-D7A0E34A97D6}"/>
            </a:ext>
          </a:extLst>
        </xdr:cNvPr>
        <xdr:cNvPicPr>
          <a:picLocks noChangeAspect="1"/>
        </xdr:cNvPicPr>
      </xdr:nvPicPr>
      <xdr:blipFill>
        <a:blip xmlns:r="http://schemas.openxmlformats.org/officeDocument/2006/relationships" r:embed="rId3"/>
        <a:stretch>
          <a:fillRect/>
        </a:stretch>
      </xdr:blipFill>
      <xdr:spPr>
        <a:xfrm>
          <a:off x="1581150" y="7905750"/>
          <a:ext cx="3190476" cy="1600000"/>
        </a:xfrm>
        <a:prstGeom prst="rect">
          <a:avLst/>
        </a:prstGeom>
      </xdr:spPr>
    </xdr:pic>
    <xdr:clientData/>
  </xdr:twoCellAnchor>
  <xdr:twoCellAnchor editAs="oneCell">
    <xdr:from>
      <xdr:col>0</xdr:col>
      <xdr:colOff>847725</xdr:colOff>
      <xdr:row>7</xdr:row>
      <xdr:rowOff>209550</xdr:rowOff>
    </xdr:from>
    <xdr:to>
      <xdr:col>0</xdr:col>
      <xdr:colOff>5238750</xdr:colOff>
      <xdr:row>7</xdr:row>
      <xdr:rowOff>3099489</xdr:rowOff>
    </xdr:to>
    <xdr:pic>
      <xdr:nvPicPr>
        <xdr:cNvPr id="5" name="Picture 4">
          <a:extLst>
            <a:ext uri="{FF2B5EF4-FFF2-40B4-BE49-F238E27FC236}">
              <a16:creationId xmlns:a16="http://schemas.microsoft.com/office/drawing/2014/main" id="{8E207D5F-080C-6254-06FD-089544B53A7D}"/>
            </a:ext>
          </a:extLst>
        </xdr:cNvPr>
        <xdr:cNvPicPr>
          <a:picLocks noChangeAspect="1"/>
        </xdr:cNvPicPr>
      </xdr:nvPicPr>
      <xdr:blipFill>
        <a:blip xmlns:r="http://schemas.openxmlformats.org/officeDocument/2006/relationships" r:embed="rId4"/>
        <a:stretch>
          <a:fillRect/>
        </a:stretch>
      </xdr:blipFill>
      <xdr:spPr>
        <a:xfrm>
          <a:off x="847725" y="10687050"/>
          <a:ext cx="4391025" cy="2889939"/>
        </a:xfrm>
        <a:prstGeom prst="rect">
          <a:avLst/>
        </a:prstGeom>
      </xdr:spPr>
    </xdr:pic>
    <xdr:clientData/>
  </xdr:twoCellAnchor>
  <xdr:twoCellAnchor editAs="oneCell">
    <xdr:from>
      <xdr:col>0</xdr:col>
      <xdr:colOff>1362076</xdr:colOff>
      <xdr:row>8</xdr:row>
      <xdr:rowOff>318028</xdr:rowOff>
    </xdr:from>
    <xdr:to>
      <xdr:col>0</xdr:col>
      <xdr:colOff>4838700</xdr:colOff>
      <xdr:row>8</xdr:row>
      <xdr:rowOff>3056880</xdr:rowOff>
    </xdr:to>
    <xdr:pic>
      <xdr:nvPicPr>
        <xdr:cNvPr id="6" name="Picture 5">
          <a:extLst>
            <a:ext uri="{FF2B5EF4-FFF2-40B4-BE49-F238E27FC236}">
              <a16:creationId xmlns:a16="http://schemas.microsoft.com/office/drawing/2014/main" id="{9D1E489A-0C06-98EF-F9A6-87DD71EAB16C}"/>
            </a:ext>
          </a:extLst>
        </xdr:cNvPr>
        <xdr:cNvPicPr>
          <a:picLocks noChangeAspect="1"/>
        </xdr:cNvPicPr>
      </xdr:nvPicPr>
      <xdr:blipFill>
        <a:blip xmlns:r="http://schemas.openxmlformats.org/officeDocument/2006/relationships" r:embed="rId5"/>
        <a:stretch>
          <a:fillRect/>
        </a:stretch>
      </xdr:blipFill>
      <xdr:spPr>
        <a:xfrm>
          <a:off x="1362076" y="13900678"/>
          <a:ext cx="3476624" cy="2738852"/>
        </a:xfrm>
        <a:prstGeom prst="rect">
          <a:avLst/>
        </a:prstGeom>
      </xdr:spPr>
    </xdr:pic>
    <xdr:clientData/>
  </xdr:twoCellAnchor>
  <xdr:twoCellAnchor editAs="oneCell">
    <xdr:from>
      <xdr:col>0</xdr:col>
      <xdr:colOff>990600</xdr:colOff>
      <xdr:row>9</xdr:row>
      <xdr:rowOff>238125</xdr:rowOff>
    </xdr:from>
    <xdr:to>
      <xdr:col>0</xdr:col>
      <xdr:colOff>5057775</xdr:colOff>
      <xdr:row>9</xdr:row>
      <xdr:rowOff>2906572</xdr:rowOff>
    </xdr:to>
    <xdr:pic>
      <xdr:nvPicPr>
        <xdr:cNvPr id="8" name="Picture 7">
          <a:extLst>
            <a:ext uri="{FF2B5EF4-FFF2-40B4-BE49-F238E27FC236}">
              <a16:creationId xmlns:a16="http://schemas.microsoft.com/office/drawing/2014/main" id="{D0351182-6EC2-DFD9-469E-F8014BD3B3C5}"/>
            </a:ext>
          </a:extLst>
        </xdr:cNvPr>
        <xdr:cNvPicPr>
          <a:picLocks noChangeAspect="1"/>
        </xdr:cNvPicPr>
      </xdr:nvPicPr>
      <xdr:blipFill>
        <a:blip xmlns:r="http://schemas.openxmlformats.org/officeDocument/2006/relationships" r:embed="rId6"/>
        <a:stretch>
          <a:fillRect/>
        </a:stretch>
      </xdr:blipFill>
      <xdr:spPr>
        <a:xfrm>
          <a:off x="990600" y="16925925"/>
          <a:ext cx="4067175" cy="2668447"/>
        </a:xfrm>
        <a:prstGeom prst="rect">
          <a:avLst/>
        </a:prstGeom>
      </xdr:spPr>
    </xdr:pic>
    <xdr:clientData/>
  </xdr:twoCellAnchor>
  <xdr:twoCellAnchor editAs="oneCell">
    <xdr:from>
      <xdr:col>0</xdr:col>
      <xdr:colOff>0</xdr:colOff>
      <xdr:row>10</xdr:row>
      <xdr:rowOff>0</xdr:rowOff>
    </xdr:from>
    <xdr:to>
      <xdr:col>0</xdr:col>
      <xdr:colOff>6323809</xdr:colOff>
      <xdr:row>10</xdr:row>
      <xdr:rowOff>2590476</xdr:rowOff>
    </xdr:to>
    <xdr:pic>
      <xdr:nvPicPr>
        <xdr:cNvPr id="9" name="Picture 8">
          <a:extLst>
            <a:ext uri="{FF2B5EF4-FFF2-40B4-BE49-F238E27FC236}">
              <a16:creationId xmlns:a16="http://schemas.microsoft.com/office/drawing/2014/main" id="{C624DD08-DA00-47D7-5F13-56B0012E7069}"/>
            </a:ext>
          </a:extLst>
        </xdr:cNvPr>
        <xdr:cNvPicPr>
          <a:picLocks noChangeAspect="1"/>
        </xdr:cNvPicPr>
      </xdr:nvPicPr>
      <xdr:blipFill>
        <a:blip xmlns:r="http://schemas.openxmlformats.org/officeDocument/2006/relationships" r:embed="rId7"/>
        <a:stretch>
          <a:fillRect/>
        </a:stretch>
      </xdr:blipFill>
      <xdr:spPr>
        <a:xfrm>
          <a:off x="0" y="19792950"/>
          <a:ext cx="6323809" cy="2590476"/>
        </a:xfrm>
        <a:prstGeom prst="rect">
          <a:avLst/>
        </a:prstGeom>
      </xdr:spPr>
    </xdr:pic>
    <xdr:clientData/>
  </xdr:twoCellAnchor>
  <xdr:twoCellAnchor editAs="oneCell">
    <xdr:from>
      <xdr:col>0</xdr:col>
      <xdr:colOff>590550</xdr:colOff>
      <xdr:row>11</xdr:row>
      <xdr:rowOff>323850</xdr:rowOff>
    </xdr:from>
    <xdr:to>
      <xdr:col>0</xdr:col>
      <xdr:colOff>4714359</xdr:colOff>
      <xdr:row>11</xdr:row>
      <xdr:rowOff>2895279</xdr:rowOff>
    </xdr:to>
    <xdr:pic>
      <xdr:nvPicPr>
        <xdr:cNvPr id="10" name="Picture 9">
          <a:extLst>
            <a:ext uri="{FF2B5EF4-FFF2-40B4-BE49-F238E27FC236}">
              <a16:creationId xmlns:a16="http://schemas.microsoft.com/office/drawing/2014/main" id="{3FFE35D6-71F4-DD73-991C-4CA10D3D235B}"/>
            </a:ext>
          </a:extLst>
        </xdr:cNvPr>
        <xdr:cNvPicPr>
          <a:picLocks noChangeAspect="1"/>
        </xdr:cNvPicPr>
      </xdr:nvPicPr>
      <xdr:blipFill>
        <a:blip xmlns:r="http://schemas.openxmlformats.org/officeDocument/2006/relationships" r:embed="rId8"/>
        <a:stretch>
          <a:fillRect/>
        </a:stretch>
      </xdr:blipFill>
      <xdr:spPr>
        <a:xfrm>
          <a:off x="590550" y="23221950"/>
          <a:ext cx="4123809" cy="2571429"/>
        </a:xfrm>
        <a:prstGeom prst="rect">
          <a:avLst/>
        </a:prstGeom>
      </xdr:spPr>
    </xdr:pic>
    <xdr:clientData/>
  </xdr:twoCellAnchor>
  <xdr:twoCellAnchor editAs="oneCell">
    <xdr:from>
      <xdr:col>0</xdr:col>
      <xdr:colOff>866775</xdr:colOff>
      <xdr:row>12</xdr:row>
      <xdr:rowOff>285750</xdr:rowOff>
    </xdr:from>
    <xdr:to>
      <xdr:col>0</xdr:col>
      <xdr:colOff>3781061</xdr:colOff>
      <xdr:row>12</xdr:row>
      <xdr:rowOff>2790512</xdr:rowOff>
    </xdr:to>
    <xdr:pic>
      <xdr:nvPicPr>
        <xdr:cNvPr id="11" name="Picture 10">
          <a:extLst>
            <a:ext uri="{FF2B5EF4-FFF2-40B4-BE49-F238E27FC236}">
              <a16:creationId xmlns:a16="http://schemas.microsoft.com/office/drawing/2014/main" id="{D61DE578-B3D6-DF15-EDF7-E92DA4C9A944}"/>
            </a:ext>
          </a:extLst>
        </xdr:cNvPr>
        <xdr:cNvPicPr>
          <a:picLocks noChangeAspect="1"/>
        </xdr:cNvPicPr>
      </xdr:nvPicPr>
      <xdr:blipFill>
        <a:blip xmlns:r="http://schemas.openxmlformats.org/officeDocument/2006/relationships" r:embed="rId9"/>
        <a:stretch>
          <a:fillRect/>
        </a:stretch>
      </xdr:blipFill>
      <xdr:spPr>
        <a:xfrm>
          <a:off x="866775" y="26289000"/>
          <a:ext cx="2914286" cy="2504762"/>
        </a:xfrm>
        <a:prstGeom prst="rect">
          <a:avLst/>
        </a:prstGeom>
      </xdr:spPr>
    </xdr:pic>
    <xdr:clientData/>
  </xdr:twoCellAnchor>
  <xdr:twoCellAnchor editAs="oneCell">
    <xdr:from>
      <xdr:col>0</xdr:col>
      <xdr:colOff>0</xdr:colOff>
      <xdr:row>13</xdr:row>
      <xdr:rowOff>0</xdr:rowOff>
    </xdr:from>
    <xdr:to>
      <xdr:col>0</xdr:col>
      <xdr:colOff>3466667</xdr:colOff>
      <xdr:row>13</xdr:row>
      <xdr:rowOff>1523810</xdr:rowOff>
    </xdr:to>
    <xdr:pic>
      <xdr:nvPicPr>
        <xdr:cNvPr id="12" name="Picture 11">
          <a:extLst>
            <a:ext uri="{FF2B5EF4-FFF2-40B4-BE49-F238E27FC236}">
              <a16:creationId xmlns:a16="http://schemas.microsoft.com/office/drawing/2014/main" id="{BB212232-EFB5-B2AF-6CB7-1CDC03DABF69}"/>
            </a:ext>
          </a:extLst>
        </xdr:cNvPr>
        <xdr:cNvPicPr>
          <a:picLocks noChangeAspect="1"/>
        </xdr:cNvPicPr>
      </xdr:nvPicPr>
      <xdr:blipFill>
        <a:blip xmlns:r="http://schemas.openxmlformats.org/officeDocument/2006/relationships" r:embed="rId10"/>
        <a:stretch>
          <a:fillRect/>
        </a:stretch>
      </xdr:blipFill>
      <xdr:spPr>
        <a:xfrm>
          <a:off x="0" y="29108400"/>
          <a:ext cx="3466667" cy="1523810"/>
        </a:xfrm>
        <a:prstGeom prst="rect">
          <a:avLst/>
        </a:prstGeom>
      </xdr:spPr>
    </xdr:pic>
    <xdr:clientData/>
  </xdr:twoCellAnchor>
  <xdr:twoCellAnchor editAs="oneCell">
    <xdr:from>
      <xdr:col>0</xdr:col>
      <xdr:colOff>0</xdr:colOff>
      <xdr:row>14</xdr:row>
      <xdr:rowOff>0</xdr:rowOff>
    </xdr:from>
    <xdr:to>
      <xdr:col>0</xdr:col>
      <xdr:colOff>2028571</xdr:colOff>
      <xdr:row>14</xdr:row>
      <xdr:rowOff>2704762</xdr:rowOff>
    </xdr:to>
    <xdr:pic>
      <xdr:nvPicPr>
        <xdr:cNvPr id="13" name="Picture 12">
          <a:extLst>
            <a:ext uri="{FF2B5EF4-FFF2-40B4-BE49-F238E27FC236}">
              <a16:creationId xmlns:a16="http://schemas.microsoft.com/office/drawing/2014/main" id="{2DF24600-7D19-1073-193A-384FB4BCBE54}"/>
            </a:ext>
          </a:extLst>
        </xdr:cNvPr>
        <xdr:cNvPicPr>
          <a:picLocks noChangeAspect="1"/>
        </xdr:cNvPicPr>
      </xdr:nvPicPr>
      <xdr:blipFill>
        <a:blip xmlns:r="http://schemas.openxmlformats.org/officeDocument/2006/relationships" r:embed="rId11"/>
        <a:stretch>
          <a:fillRect/>
        </a:stretch>
      </xdr:blipFill>
      <xdr:spPr>
        <a:xfrm>
          <a:off x="0" y="32213550"/>
          <a:ext cx="2028571" cy="2704762"/>
        </a:xfrm>
        <a:prstGeom prst="rect">
          <a:avLst/>
        </a:prstGeom>
      </xdr:spPr>
    </xdr:pic>
    <xdr:clientData/>
  </xdr:twoCellAnchor>
</xdr:wsDr>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drawing" Target="../drawings/drawing2.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M30"/>
  <sheetViews>
    <sheetView tabSelected="1" zoomScale="85" zoomScaleNormal="85" workbookViewId="0">
      <pane xSplit="1" topLeftCell="C1" activePane="topRight" state="frozen"/>
      <selection pane="topRight" activeCell="D7" sqref="D7"/>
    </sheetView>
  </sheetViews>
  <sheetFormatPr defaultColWidth="9.140625" defaultRowHeight="15" x14ac:dyDescent="0.25"/>
  <cols>
    <col min="1" max="1" width="23.7109375" style="2" customWidth="1"/>
    <col min="2" max="2" width="79.42578125" style="10" customWidth="1"/>
    <col min="3" max="3" width="24" style="10" customWidth="1"/>
    <col min="4" max="4" width="167" style="10" customWidth="1"/>
    <col min="5" max="5" width="17.5703125" style="10" customWidth="1"/>
    <col min="6" max="6" width="112.140625" style="10" customWidth="1"/>
    <col min="7" max="7" width="14.5703125" style="10" customWidth="1"/>
    <col min="8" max="8" width="132.7109375" style="10" customWidth="1"/>
    <col min="9" max="9" width="11.140625" style="1" bestFit="1" customWidth="1"/>
    <col min="10" max="10" width="134.85546875" style="1" customWidth="1"/>
    <col min="11" max="11" width="9.140625" style="1"/>
    <col min="12" max="12" width="99" style="1" customWidth="1"/>
    <col min="13" max="16384" width="9.140625" style="1"/>
  </cols>
  <sheetData>
    <row r="1" spans="1:13" x14ac:dyDescent="0.25">
      <c r="A1" s="34" t="s">
        <v>61</v>
      </c>
      <c r="B1" s="34"/>
    </row>
    <row r="2" spans="1:13" ht="14.25" x14ac:dyDescent="0.2">
      <c r="A2" s="1"/>
      <c r="B2" s="1"/>
    </row>
    <row r="3" spans="1:13" x14ac:dyDescent="0.25">
      <c r="A3" s="2" t="s">
        <v>60</v>
      </c>
      <c r="B3" s="2" t="s">
        <v>57</v>
      </c>
    </row>
    <row r="4" spans="1:13" x14ac:dyDescent="0.25">
      <c r="A4" s="2" t="s">
        <v>59</v>
      </c>
      <c r="B4" s="2" t="s">
        <v>58</v>
      </c>
    </row>
    <row r="5" spans="1:13" ht="15.75" thickBot="1" x14ac:dyDescent="0.3"/>
    <row r="6" spans="1:13" s="2" customFormat="1" ht="15.75" thickBot="1" x14ac:dyDescent="0.3">
      <c r="A6" s="20" t="s">
        <v>0</v>
      </c>
      <c r="B6" s="21" t="s">
        <v>1</v>
      </c>
      <c r="C6" s="22" t="s">
        <v>4</v>
      </c>
      <c r="D6" s="21" t="s">
        <v>2</v>
      </c>
      <c r="E6" s="22" t="s">
        <v>4</v>
      </c>
      <c r="F6" s="21" t="s">
        <v>1</v>
      </c>
      <c r="G6" s="22" t="s">
        <v>4</v>
      </c>
      <c r="H6" s="21" t="s">
        <v>2</v>
      </c>
      <c r="I6" s="22" t="s">
        <v>4</v>
      </c>
      <c r="J6" s="21" t="s">
        <v>1</v>
      </c>
      <c r="K6" s="22" t="s">
        <v>4</v>
      </c>
      <c r="L6" s="21" t="s">
        <v>2</v>
      </c>
      <c r="M6" s="22" t="s">
        <v>4</v>
      </c>
    </row>
    <row r="7" spans="1:13" ht="156.75" x14ac:dyDescent="0.25">
      <c r="A7" s="11">
        <v>29</v>
      </c>
      <c r="B7" s="3" t="s">
        <v>3</v>
      </c>
      <c r="C7" s="4">
        <v>45134</v>
      </c>
      <c r="D7" s="3" t="s">
        <v>13</v>
      </c>
      <c r="E7" s="5">
        <v>45252</v>
      </c>
      <c r="F7" s="3" t="s">
        <v>50</v>
      </c>
      <c r="G7" s="5">
        <v>45282</v>
      </c>
      <c r="H7" s="23" t="s">
        <v>73</v>
      </c>
      <c r="I7" s="24">
        <v>45418</v>
      </c>
      <c r="J7" s="9"/>
      <c r="K7" s="8"/>
      <c r="L7" s="9"/>
      <c r="M7" s="8"/>
    </row>
    <row r="8" spans="1:13" ht="142.5" x14ac:dyDescent="0.25">
      <c r="A8" s="11">
        <v>30</v>
      </c>
      <c r="B8" s="3" t="s">
        <v>5</v>
      </c>
      <c r="C8" s="4">
        <v>45134</v>
      </c>
      <c r="D8" s="3" t="s">
        <v>14</v>
      </c>
      <c r="E8" s="5">
        <v>45252</v>
      </c>
      <c r="F8" s="3" t="s">
        <v>51</v>
      </c>
      <c r="G8" s="5">
        <v>45282</v>
      </c>
      <c r="H8" s="23" t="s">
        <v>74</v>
      </c>
      <c r="I8" s="24">
        <v>45418</v>
      </c>
      <c r="J8" s="32"/>
      <c r="K8" s="8"/>
      <c r="L8" s="9"/>
      <c r="M8" s="8"/>
    </row>
    <row r="9" spans="1:13" ht="28.5" x14ac:dyDescent="0.25">
      <c r="A9" s="11">
        <v>31</v>
      </c>
      <c r="B9" s="3" t="s">
        <v>6</v>
      </c>
      <c r="C9" s="4">
        <v>45134</v>
      </c>
      <c r="D9" s="6" t="s">
        <v>7</v>
      </c>
      <c r="E9" s="5">
        <v>45252</v>
      </c>
      <c r="F9" s="6"/>
      <c r="G9" s="7"/>
      <c r="H9" s="25" t="s">
        <v>56</v>
      </c>
      <c r="I9" s="24">
        <v>45418</v>
      </c>
      <c r="J9" s="9"/>
      <c r="K9" s="8"/>
      <c r="L9" s="9"/>
      <c r="M9" s="8"/>
    </row>
    <row r="10" spans="1:13" ht="99.75" x14ac:dyDescent="0.25">
      <c r="A10" s="11">
        <v>32</v>
      </c>
      <c r="B10" s="3" t="s">
        <v>8</v>
      </c>
      <c r="C10" s="4">
        <v>45134</v>
      </c>
      <c r="D10" s="3" t="s">
        <v>15</v>
      </c>
      <c r="E10" s="5">
        <v>45252</v>
      </c>
      <c r="F10" s="6" t="s">
        <v>52</v>
      </c>
      <c r="G10" s="5">
        <v>45282</v>
      </c>
      <c r="H10" s="26" t="s">
        <v>56</v>
      </c>
      <c r="I10" s="24">
        <v>45418</v>
      </c>
      <c r="J10" s="9"/>
      <c r="K10" s="8"/>
      <c r="L10" s="9"/>
      <c r="M10" s="8"/>
    </row>
    <row r="11" spans="1:13" ht="156.75" x14ac:dyDescent="0.25">
      <c r="A11" s="11">
        <v>33</v>
      </c>
      <c r="B11" s="3" t="s">
        <v>9</v>
      </c>
      <c r="C11" s="4">
        <v>45134</v>
      </c>
      <c r="D11" s="3" t="s">
        <v>16</v>
      </c>
      <c r="E11" s="5">
        <v>45252</v>
      </c>
      <c r="F11" s="6" t="s">
        <v>53</v>
      </c>
      <c r="G11" s="5">
        <v>45282</v>
      </c>
      <c r="H11" s="26" t="s">
        <v>56</v>
      </c>
      <c r="I11" s="24">
        <v>45418</v>
      </c>
      <c r="J11" s="9"/>
      <c r="K11" s="8"/>
      <c r="L11" s="9"/>
      <c r="M11" s="8"/>
    </row>
    <row r="12" spans="1:13" ht="57" x14ac:dyDescent="0.25">
      <c r="A12" s="11">
        <v>34</v>
      </c>
      <c r="B12" s="3" t="s">
        <v>10</v>
      </c>
      <c r="C12" s="4">
        <v>45134</v>
      </c>
      <c r="D12" s="3" t="s">
        <v>17</v>
      </c>
      <c r="E12" s="5">
        <v>45252</v>
      </c>
      <c r="F12" s="6"/>
      <c r="G12" s="5"/>
      <c r="H12" s="25" t="s">
        <v>56</v>
      </c>
      <c r="I12" s="24">
        <v>45418</v>
      </c>
      <c r="J12" s="9"/>
      <c r="K12" s="8"/>
      <c r="L12" s="9"/>
      <c r="M12" s="8"/>
    </row>
    <row r="13" spans="1:13" ht="71.25" x14ac:dyDescent="0.25">
      <c r="A13" s="11">
        <v>35</v>
      </c>
      <c r="B13" s="3" t="s">
        <v>11</v>
      </c>
      <c r="C13" s="4">
        <v>45134</v>
      </c>
      <c r="D13" s="3" t="s">
        <v>18</v>
      </c>
      <c r="E13" s="5">
        <v>45252</v>
      </c>
      <c r="F13" s="3" t="s">
        <v>54</v>
      </c>
      <c r="G13" s="5">
        <v>45282</v>
      </c>
      <c r="H13" s="23" t="s">
        <v>76</v>
      </c>
      <c r="I13" s="24">
        <v>45418</v>
      </c>
      <c r="J13" s="32"/>
      <c r="K13" s="8"/>
      <c r="L13" s="9"/>
      <c r="M13" s="8"/>
    </row>
    <row r="14" spans="1:13" ht="213.75" x14ac:dyDescent="0.25">
      <c r="A14" s="11">
        <v>36</v>
      </c>
      <c r="B14" s="3" t="s">
        <v>12</v>
      </c>
      <c r="C14" s="4">
        <v>45134</v>
      </c>
      <c r="D14" s="3" t="s">
        <v>19</v>
      </c>
      <c r="E14" s="5">
        <v>45252</v>
      </c>
      <c r="F14" s="6"/>
      <c r="G14" s="7"/>
      <c r="H14" s="25" t="s">
        <v>56</v>
      </c>
      <c r="I14" s="24">
        <v>45418</v>
      </c>
      <c r="J14" s="9"/>
      <c r="K14" s="8"/>
      <c r="L14" s="9"/>
      <c r="M14" s="8"/>
    </row>
    <row r="15" spans="1:13" ht="313.5" x14ac:dyDescent="0.25">
      <c r="A15" s="11">
        <v>37</v>
      </c>
      <c r="B15" s="3" t="s">
        <v>20</v>
      </c>
      <c r="C15" s="4">
        <v>45134</v>
      </c>
      <c r="D15" s="3" t="s">
        <v>21</v>
      </c>
      <c r="E15" s="5">
        <v>45252</v>
      </c>
      <c r="F15" s="6"/>
      <c r="G15" s="7"/>
      <c r="H15" s="25" t="s">
        <v>56</v>
      </c>
      <c r="I15" s="24">
        <v>45418</v>
      </c>
      <c r="J15" s="9"/>
      <c r="K15" s="8"/>
      <c r="L15" s="9"/>
      <c r="M15" s="8"/>
    </row>
    <row r="16" spans="1:13" ht="342" x14ac:dyDescent="0.25">
      <c r="A16" s="11">
        <v>38</v>
      </c>
      <c r="B16" s="3" t="s">
        <v>22</v>
      </c>
      <c r="C16" s="4">
        <v>45134</v>
      </c>
      <c r="D16" s="3" t="s">
        <v>23</v>
      </c>
      <c r="E16" s="5">
        <v>45252</v>
      </c>
      <c r="F16" s="3" t="s">
        <v>55</v>
      </c>
      <c r="G16" s="5">
        <v>45282</v>
      </c>
      <c r="H16" s="26"/>
      <c r="I16" s="24"/>
      <c r="J16" s="9"/>
      <c r="K16" s="8"/>
      <c r="L16" s="9"/>
      <c r="M16" s="8"/>
    </row>
    <row r="17" spans="1:13" ht="142.5" x14ac:dyDescent="0.25">
      <c r="A17" s="11">
        <v>39</v>
      </c>
      <c r="B17" s="3" t="s">
        <v>24</v>
      </c>
      <c r="C17" s="4">
        <v>45134</v>
      </c>
      <c r="D17" s="3" t="s">
        <v>25</v>
      </c>
      <c r="E17" s="5">
        <v>45252</v>
      </c>
      <c r="F17" s="6"/>
      <c r="G17" s="7"/>
      <c r="H17" s="25" t="s">
        <v>56</v>
      </c>
      <c r="I17" s="24">
        <v>45418</v>
      </c>
      <c r="J17" s="9"/>
      <c r="K17" s="8"/>
      <c r="L17" s="9"/>
      <c r="M17" s="8"/>
    </row>
    <row r="18" spans="1:13" ht="128.25" x14ac:dyDescent="0.25">
      <c r="A18" s="11">
        <v>40</v>
      </c>
      <c r="B18" s="3" t="s">
        <v>26</v>
      </c>
      <c r="C18" s="4">
        <v>45134</v>
      </c>
      <c r="D18" s="3" t="s">
        <v>27</v>
      </c>
      <c r="E18" s="5">
        <v>45252</v>
      </c>
      <c r="F18" s="6"/>
      <c r="G18" s="7"/>
      <c r="H18" s="25" t="s">
        <v>56</v>
      </c>
      <c r="I18" s="24">
        <v>45418</v>
      </c>
      <c r="J18" s="9"/>
      <c r="K18" s="8"/>
      <c r="L18" s="9"/>
      <c r="M18" s="8"/>
    </row>
    <row r="19" spans="1:13" ht="142.5" x14ac:dyDescent="0.25">
      <c r="A19" s="11">
        <v>41</v>
      </c>
      <c r="B19" s="3" t="s">
        <v>28</v>
      </c>
      <c r="C19" s="4">
        <v>45134</v>
      </c>
      <c r="D19" s="3" t="s">
        <v>29</v>
      </c>
      <c r="E19" s="5">
        <v>45252</v>
      </c>
      <c r="F19" s="6"/>
      <c r="G19" s="7"/>
      <c r="H19" s="25" t="s">
        <v>56</v>
      </c>
      <c r="I19" s="24">
        <v>45418</v>
      </c>
      <c r="J19" s="9"/>
      <c r="K19" s="8"/>
      <c r="L19" s="9"/>
      <c r="M19" s="8"/>
    </row>
    <row r="20" spans="1:13" ht="85.5" x14ac:dyDescent="0.25">
      <c r="A20" s="11">
        <v>42</v>
      </c>
      <c r="B20" s="3" t="s">
        <v>30</v>
      </c>
      <c r="C20" s="4">
        <v>45134</v>
      </c>
      <c r="D20" s="3" t="s">
        <v>31</v>
      </c>
      <c r="E20" s="5">
        <v>45252</v>
      </c>
      <c r="F20" s="6"/>
      <c r="G20" s="7"/>
      <c r="H20" s="25" t="s">
        <v>56</v>
      </c>
      <c r="I20" s="24">
        <v>45418</v>
      </c>
      <c r="J20" s="9"/>
      <c r="K20" s="8"/>
      <c r="L20" s="9"/>
      <c r="M20" s="8"/>
    </row>
    <row r="21" spans="1:13" ht="114" x14ac:dyDescent="0.25">
      <c r="A21" s="11">
        <v>43</v>
      </c>
      <c r="B21" s="3" t="s">
        <v>32</v>
      </c>
      <c r="C21" s="4">
        <v>45134</v>
      </c>
      <c r="D21" s="3" t="s">
        <v>33</v>
      </c>
      <c r="E21" s="5">
        <v>45252</v>
      </c>
      <c r="F21" s="6"/>
      <c r="G21" s="7"/>
      <c r="H21" s="25" t="s">
        <v>56</v>
      </c>
      <c r="I21" s="24">
        <v>45418</v>
      </c>
      <c r="J21" s="9"/>
      <c r="K21" s="8"/>
      <c r="L21" s="9"/>
      <c r="M21" s="8"/>
    </row>
    <row r="22" spans="1:13" ht="409.5" customHeight="1" x14ac:dyDescent="0.2">
      <c r="A22" s="40">
        <v>44</v>
      </c>
      <c r="B22" s="39" t="s">
        <v>34</v>
      </c>
      <c r="C22" s="35">
        <v>45134</v>
      </c>
      <c r="D22" s="39" t="s">
        <v>35</v>
      </c>
      <c r="E22" s="35">
        <v>45252</v>
      </c>
      <c r="F22" s="39" t="s">
        <v>62</v>
      </c>
      <c r="G22" s="35">
        <v>45282</v>
      </c>
      <c r="H22" s="36" t="s">
        <v>75</v>
      </c>
      <c r="I22" s="37">
        <v>45418</v>
      </c>
      <c r="J22" s="38"/>
      <c r="K22" s="33"/>
      <c r="L22" s="38"/>
      <c r="M22" s="33"/>
    </row>
    <row r="23" spans="1:13" ht="399" customHeight="1" x14ac:dyDescent="0.2">
      <c r="A23" s="40"/>
      <c r="B23" s="39"/>
      <c r="C23" s="35"/>
      <c r="D23" s="39"/>
      <c r="E23" s="35"/>
      <c r="F23" s="39"/>
      <c r="G23" s="35"/>
      <c r="H23" s="36"/>
      <c r="I23" s="37"/>
      <c r="J23" s="38"/>
      <c r="K23" s="33"/>
      <c r="L23" s="38"/>
      <c r="M23" s="33"/>
    </row>
    <row r="24" spans="1:13" ht="356.25" x14ac:dyDescent="0.25">
      <c r="A24" s="11">
        <v>45</v>
      </c>
      <c r="B24" s="3" t="s">
        <v>36</v>
      </c>
      <c r="C24" s="4">
        <v>45134</v>
      </c>
      <c r="D24" s="3" t="s">
        <v>37</v>
      </c>
      <c r="E24" s="5">
        <v>45252</v>
      </c>
      <c r="F24" s="6"/>
      <c r="G24" s="7"/>
      <c r="H24" s="25" t="s">
        <v>56</v>
      </c>
      <c r="I24" s="24">
        <v>45418</v>
      </c>
      <c r="J24" s="9"/>
      <c r="K24" s="8"/>
      <c r="L24" s="9"/>
      <c r="M24" s="8"/>
    </row>
    <row r="25" spans="1:13" ht="99.75" x14ac:dyDescent="0.25">
      <c r="A25" s="11">
        <v>46</v>
      </c>
      <c r="B25" s="3" t="s">
        <v>41</v>
      </c>
      <c r="C25" s="4">
        <v>45134</v>
      </c>
      <c r="D25" s="3" t="s">
        <v>40</v>
      </c>
      <c r="E25" s="5">
        <v>45252</v>
      </c>
      <c r="F25" s="6"/>
      <c r="G25" s="7"/>
      <c r="H25" s="25" t="s">
        <v>56</v>
      </c>
      <c r="I25" s="24">
        <v>45418</v>
      </c>
      <c r="J25" s="9"/>
      <c r="K25" s="8"/>
      <c r="L25" s="9"/>
      <c r="M25" s="8"/>
    </row>
    <row r="26" spans="1:13" ht="42.75" x14ac:dyDescent="0.25">
      <c r="A26" s="11">
        <v>47</v>
      </c>
      <c r="B26" s="3" t="s">
        <v>38</v>
      </c>
      <c r="C26" s="4">
        <v>45134</v>
      </c>
      <c r="D26" s="3" t="s">
        <v>39</v>
      </c>
      <c r="E26" s="5">
        <v>45252</v>
      </c>
      <c r="F26" s="6"/>
      <c r="G26" s="7"/>
      <c r="H26" s="25" t="s">
        <v>56</v>
      </c>
      <c r="I26" s="24">
        <v>45418</v>
      </c>
      <c r="J26" s="9"/>
      <c r="K26" s="8"/>
      <c r="L26" s="9"/>
      <c r="M26" s="8"/>
    </row>
    <row r="27" spans="1:13" ht="85.5" x14ac:dyDescent="0.25">
      <c r="A27" s="11">
        <v>48</v>
      </c>
      <c r="B27" s="3" t="s">
        <v>42</v>
      </c>
      <c r="C27" s="4">
        <v>45134</v>
      </c>
      <c r="D27" s="3" t="s">
        <v>43</v>
      </c>
      <c r="E27" s="5">
        <v>45252</v>
      </c>
      <c r="F27" s="6"/>
      <c r="G27" s="7"/>
      <c r="H27" s="25" t="s">
        <v>56</v>
      </c>
      <c r="I27" s="24">
        <v>45418</v>
      </c>
      <c r="J27" s="9"/>
      <c r="K27" s="8"/>
      <c r="L27" s="9"/>
      <c r="M27" s="8"/>
    </row>
    <row r="28" spans="1:13" ht="71.25" x14ac:dyDescent="0.25">
      <c r="A28" s="11">
        <v>49</v>
      </c>
      <c r="B28" s="3" t="s">
        <v>44</v>
      </c>
      <c r="C28" s="4">
        <v>45134</v>
      </c>
      <c r="D28" s="3" t="s">
        <v>45</v>
      </c>
      <c r="E28" s="5">
        <v>45252</v>
      </c>
      <c r="F28" s="6"/>
      <c r="G28" s="7"/>
      <c r="H28" s="25" t="s">
        <v>56</v>
      </c>
      <c r="I28" s="24">
        <v>45418</v>
      </c>
      <c r="J28" s="9"/>
      <c r="K28" s="8"/>
      <c r="L28" s="9"/>
      <c r="M28" s="8"/>
    </row>
    <row r="29" spans="1:13" ht="57" x14ac:dyDescent="0.25">
      <c r="A29" s="11">
        <v>50</v>
      </c>
      <c r="B29" s="3" t="s">
        <v>46</v>
      </c>
      <c r="C29" s="4">
        <v>45134</v>
      </c>
      <c r="D29" s="3" t="s">
        <v>47</v>
      </c>
      <c r="E29" s="5">
        <v>45252</v>
      </c>
      <c r="F29" s="6"/>
      <c r="G29" s="7"/>
      <c r="H29" s="25" t="s">
        <v>56</v>
      </c>
      <c r="I29" s="24">
        <v>45418</v>
      </c>
      <c r="J29" s="9"/>
      <c r="K29" s="8"/>
      <c r="L29" s="9"/>
      <c r="M29" s="8"/>
    </row>
    <row r="30" spans="1:13" ht="43.5" thickBot="1" x14ac:dyDescent="0.3">
      <c r="A30" s="12">
        <v>51</v>
      </c>
      <c r="B30" s="13" t="s">
        <v>48</v>
      </c>
      <c r="C30" s="14">
        <v>45134</v>
      </c>
      <c r="D30" s="13" t="s">
        <v>49</v>
      </c>
      <c r="E30" s="15">
        <v>45252</v>
      </c>
      <c r="F30" s="16"/>
      <c r="G30" s="17"/>
      <c r="H30" s="27" t="s">
        <v>56</v>
      </c>
      <c r="I30" s="28">
        <v>45418</v>
      </c>
      <c r="J30" s="18"/>
      <c r="K30" s="19"/>
      <c r="L30" s="18"/>
      <c r="M30" s="19"/>
    </row>
  </sheetData>
  <mergeCells count="14">
    <mergeCell ref="M22:M23"/>
    <mergeCell ref="A1:B1"/>
    <mergeCell ref="G22:G23"/>
    <mergeCell ref="H22:H23"/>
    <mergeCell ref="I22:I23"/>
    <mergeCell ref="J22:J23"/>
    <mergeCell ref="K22:K23"/>
    <mergeCell ref="L22:L23"/>
    <mergeCell ref="F22:F23"/>
    <mergeCell ref="A22:A23"/>
    <mergeCell ref="E22:E23"/>
    <mergeCell ref="D22:D23"/>
    <mergeCell ref="B22:B23"/>
    <mergeCell ref="C22:C23"/>
  </mergeCells>
  <pageMargins left="0.7" right="0.7" top="0.75" bottom="0.75" header="0.3" footer="0.3"/>
  <pageSetup orientation="portrait" r:id="rId1"/>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3EEA598-A51F-40C7-B294-B3A1079F7DEE}">
  <dimension ref="A3:F185"/>
  <sheetViews>
    <sheetView zoomScale="85" zoomScaleNormal="85" workbookViewId="0">
      <selection activeCell="F15" sqref="F15"/>
    </sheetView>
  </sheetViews>
  <sheetFormatPr defaultRowHeight="15" x14ac:dyDescent="0.25"/>
  <cols>
    <col min="1" max="1" width="105.140625" customWidth="1"/>
    <col min="2" max="3" width="22.42578125" customWidth="1"/>
    <col min="5" max="5" width="118.85546875" customWidth="1"/>
    <col min="6" max="6" width="11.28515625" bestFit="1" customWidth="1"/>
  </cols>
  <sheetData>
    <row r="3" spans="1:6" ht="15.75" thickBot="1" x14ac:dyDescent="0.3"/>
    <row r="4" spans="1:6" ht="45.75" thickBot="1" x14ac:dyDescent="0.3">
      <c r="A4" s="21" t="s">
        <v>1</v>
      </c>
      <c r="B4" s="31" t="s">
        <v>64</v>
      </c>
      <c r="C4" s="29" t="s">
        <v>63</v>
      </c>
      <c r="D4" s="22" t="s">
        <v>4</v>
      </c>
      <c r="E4" s="21" t="s">
        <v>2</v>
      </c>
      <c r="F4" s="22" t="s">
        <v>4</v>
      </c>
    </row>
    <row r="5" spans="1:6" ht="244.5" customHeight="1" x14ac:dyDescent="0.25">
      <c r="A5" s="3"/>
      <c r="B5" s="30">
        <v>8</v>
      </c>
      <c r="C5" s="30" t="s">
        <v>65</v>
      </c>
      <c r="D5" s="5">
        <v>45282</v>
      </c>
      <c r="E5" s="23"/>
      <c r="F5" s="24"/>
    </row>
    <row r="6" spans="1:6" ht="244.5" customHeight="1" x14ac:dyDescent="0.25">
      <c r="A6" s="3"/>
      <c r="B6" s="30">
        <v>8</v>
      </c>
      <c r="C6" s="30" t="s">
        <v>65</v>
      </c>
      <c r="D6" s="5">
        <v>45283</v>
      </c>
      <c r="E6" s="23" t="s">
        <v>66</v>
      </c>
      <c r="F6" s="24">
        <v>45376</v>
      </c>
    </row>
    <row r="7" spans="1:6" ht="244.5" customHeight="1" x14ac:dyDescent="0.25">
      <c r="A7" s="3"/>
      <c r="B7" s="30">
        <v>8</v>
      </c>
      <c r="C7" s="30" t="s">
        <v>65</v>
      </c>
      <c r="D7" s="5">
        <v>45284</v>
      </c>
      <c r="E7" s="23"/>
      <c r="F7" s="24"/>
    </row>
    <row r="8" spans="1:6" ht="244.5" customHeight="1" x14ac:dyDescent="0.25">
      <c r="A8" s="3"/>
      <c r="B8" s="30">
        <v>9</v>
      </c>
      <c r="C8" s="30" t="s">
        <v>65</v>
      </c>
      <c r="D8" s="5">
        <v>45285</v>
      </c>
      <c r="E8" s="23"/>
      <c r="F8" s="24"/>
    </row>
    <row r="9" spans="1:6" ht="244.5" customHeight="1" x14ac:dyDescent="0.25">
      <c r="A9" s="3"/>
      <c r="B9" s="30">
        <v>9</v>
      </c>
      <c r="C9" s="30" t="s">
        <v>67</v>
      </c>
      <c r="D9" s="5">
        <v>45286</v>
      </c>
      <c r="E9" s="23" t="s">
        <v>68</v>
      </c>
      <c r="F9" s="24">
        <v>45422</v>
      </c>
    </row>
    <row r="10" spans="1:6" ht="244.5" customHeight="1" x14ac:dyDescent="0.25">
      <c r="A10" s="3"/>
      <c r="B10" s="30">
        <v>10</v>
      </c>
      <c r="C10" s="30" t="s">
        <v>67</v>
      </c>
      <c r="D10" s="5">
        <v>45287</v>
      </c>
      <c r="E10" s="23" t="s">
        <v>69</v>
      </c>
      <c r="F10" s="24">
        <v>45422</v>
      </c>
    </row>
    <row r="11" spans="1:6" ht="244.5" customHeight="1" x14ac:dyDescent="0.25">
      <c r="A11" s="3"/>
      <c r="B11" s="30">
        <v>11</v>
      </c>
      <c r="C11" s="30" t="s">
        <v>65</v>
      </c>
      <c r="D11" s="5">
        <v>45288</v>
      </c>
      <c r="E11" s="23"/>
      <c r="F11" s="24"/>
    </row>
    <row r="12" spans="1:6" ht="244.5" customHeight="1" x14ac:dyDescent="0.25">
      <c r="A12" s="3"/>
      <c r="B12" s="30">
        <v>13</v>
      </c>
      <c r="C12" s="30" t="s">
        <v>67</v>
      </c>
      <c r="D12" s="5">
        <v>45289</v>
      </c>
      <c r="E12" s="23" t="s">
        <v>70</v>
      </c>
      <c r="F12" s="24">
        <v>45422</v>
      </c>
    </row>
    <row r="13" spans="1:6" ht="244.5" customHeight="1" x14ac:dyDescent="0.25">
      <c r="A13" s="3"/>
      <c r="B13" s="30">
        <v>13</v>
      </c>
      <c r="C13" s="30" t="s">
        <v>67</v>
      </c>
      <c r="D13" s="5">
        <v>45290</v>
      </c>
      <c r="E13" s="23" t="s">
        <v>70</v>
      </c>
      <c r="F13" s="24">
        <v>45422</v>
      </c>
    </row>
    <row r="14" spans="1:6" ht="244.5" customHeight="1" x14ac:dyDescent="0.25">
      <c r="A14" s="3"/>
      <c r="B14" s="30">
        <v>14</v>
      </c>
      <c r="C14" s="30" t="s">
        <v>67</v>
      </c>
      <c r="D14" s="5">
        <v>45291</v>
      </c>
      <c r="E14" s="23" t="s">
        <v>71</v>
      </c>
      <c r="F14" s="24">
        <v>45422</v>
      </c>
    </row>
    <row r="15" spans="1:6" ht="244.5" customHeight="1" x14ac:dyDescent="0.25">
      <c r="A15" s="3"/>
      <c r="B15" s="30">
        <v>15</v>
      </c>
      <c r="C15" s="30" t="s">
        <v>67</v>
      </c>
      <c r="D15" s="5">
        <v>45292</v>
      </c>
      <c r="E15" s="23" t="s">
        <v>72</v>
      </c>
      <c r="F15" s="24">
        <v>45422</v>
      </c>
    </row>
    <row r="16" spans="1:6" ht="244.5" customHeight="1" x14ac:dyDescent="0.25">
      <c r="A16" s="3"/>
      <c r="B16" s="30"/>
      <c r="C16" s="30"/>
      <c r="D16" s="5"/>
      <c r="E16" s="23"/>
      <c r="F16" s="24"/>
    </row>
    <row r="17" spans="1:6" ht="244.5" customHeight="1" x14ac:dyDescent="0.25">
      <c r="A17" s="3"/>
      <c r="B17" s="30"/>
      <c r="C17" s="30"/>
      <c r="D17" s="5"/>
      <c r="E17" s="23"/>
      <c r="F17" s="24"/>
    </row>
    <row r="18" spans="1:6" ht="244.5" customHeight="1" x14ac:dyDescent="0.25">
      <c r="A18" s="3"/>
      <c r="B18" s="30"/>
      <c r="C18" s="30"/>
      <c r="D18" s="5"/>
      <c r="E18" s="23"/>
      <c r="F18" s="24"/>
    </row>
    <row r="19" spans="1:6" ht="244.5" customHeight="1" x14ac:dyDescent="0.25">
      <c r="A19" s="3"/>
      <c r="B19" s="30"/>
      <c r="C19" s="30"/>
      <c r="D19" s="5"/>
      <c r="E19" s="23"/>
      <c r="F19" s="24"/>
    </row>
    <row r="20" spans="1:6" ht="244.5" customHeight="1" x14ac:dyDescent="0.25">
      <c r="A20" s="3"/>
      <c r="B20" s="30"/>
      <c r="C20" s="30"/>
      <c r="D20" s="5"/>
      <c r="E20" s="23"/>
      <c r="F20" s="24"/>
    </row>
    <row r="21" spans="1:6" ht="244.5" customHeight="1" x14ac:dyDescent="0.25">
      <c r="A21" s="3"/>
      <c r="B21" s="30"/>
      <c r="C21" s="30"/>
      <c r="D21" s="5"/>
      <c r="E21" s="23"/>
      <c r="F21" s="24"/>
    </row>
    <row r="22" spans="1:6" ht="244.5" customHeight="1" x14ac:dyDescent="0.25">
      <c r="A22" s="3"/>
      <c r="B22" s="30"/>
      <c r="C22" s="30"/>
      <c r="D22" s="5"/>
      <c r="E22" s="23"/>
      <c r="F22" s="24"/>
    </row>
    <row r="23" spans="1:6" ht="244.5" customHeight="1" x14ac:dyDescent="0.25">
      <c r="A23" s="3"/>
      <c r="B23" s="30"/>
      <c r="C23" s="30"/>
      <c r="D23" s="5"/>
      <c r="E23" s="23"/>
      <c r="F23" s="24"/>
    </row>
    <row r="24" spans="1:6" ht="244.5" customHeight="1" x14ac:dyDescent="0.25">
      <c r="A24" s="3"/>
      <c r="B24" s="30"/>
      <c r="C24" s="30"/>
      <c r="D24" s="5"/>
      <c r="E24" s="23"/>
      <c r="F24" s="24"/>
    </row>
    <row r="25" spans="1:6" ht="244.5" customHeight="1" x14ac:dyDescent="0.25">
      <c r="A25" s="3"/>
      <c r="B25" s="30"/>
      <c r="C25" s="30"/>
      <c r="D25" s="5"/>
      <c r="E25" s="23"/>
      <c r="F25" s="24"/>
    </row>
    <row r="26" spans="1:6" ht="244.5" customHeight="1" x14ac:dyDescent="0.25">
      <c r="A26" s="3"/>
      <c r="B26" s="30"/>
      <c r="C26" s="30"/>
      <c r="D26" s="5"/>
      <c r="E26" s="23"/>
      <c r="F26" s="24"/>
    </row>
    <row r="27" spans="1:6" ht="244.5" customHeight="1" x14ac:dyDescent="0.25">
      <c r="A27" s="3"/>
      <c r="B27" s="30"/>
      <c r="C27" s="30"/>
      <c r="D27" s="5"/>
      <c r="E27" s="23"/>
      <c r="F27" s="24"/>
    </row>
    <row r="28" spans="1:6" ht="244.5" customHeight="1" x14ac:dyDescent="0.25">
      <c r="A28" s="3"/>
      <c r="B28" s="30"/>
      <c r="C28" s="30"/>
      <c r="D28" s="5"/>
      <c r="E28" s="23"/>
      <c r="F28" s="24"/>
    </row>
    <row r="29" spans="1:6" ht="244.5" customHeight="1" x14ac:dyDescent="0.25">
      <c r="A29" s="3"/>
      <c r="B29" s="30"/>
      <c r="C29" s="30"/>
      <c r="D29" s="5"/>
      <c r="E29" s="23"/>
      <c r="F29" s="24"/>
    </row>
    <row r="30" spans="1:6" ht="244.5" customHeight="1" x14ac:dyDescent="0.25">
      <c r="A30" s="3"/>
      <c r="B30" s="30"/>
      <c r="C30" s="30"/>
      <c r="D30" s="5"/>
      <c r="E30" s="23"/>
      <c r="F30" s="24"/>
    </row>
    <row r="31" spans="1:6" ht="244.5" customHeight="1" x14ac:dyDescent="0.25">
      <c r="A31" s="3"/>
      <c r="B31" s="30"/>
      <c r="C31" s="30"/>
      <c r="D31" s="5"/>
      <c r="E31" s="23"/>
      <c r="F31" s="24"/>
    </row>
    <row r="32" spans="1:6" ht="244.5" customHeight="1" x14ac:dyDescent="0.25">
      <c r="A32" s="3"/>
      <c r="B32" s="30"/>
      <c r="C32" s="30"/>
      <c r="D32" s="5"/>
      <c r="E32" s="23"/>
      <c r="F32" s="24"/>
    </row>
    <row r="33" spans="1:6" ht="244.5" customHeight="1" x14ac:dyDescent="0.25">
      <c r="A33" s="3"/>
      <c r="B33" s="30"/>
      <c r="C33" s="30"/>
      <c r="D33" s="5"/>
      <c r="E33" s="23"/>
      <c r="F33" s="24"/>
    </row>
    <row r="34" spans="1:6" ht="244.5" customHeight="1" x14ac:dyDescent="0.25">
      <c r="A34" s="3"/>
      <c r="B34" s="30"/>
      <c r="C34" s="30"/>
      <c r="D34" s="5"/>
      <c r="E34" s="23"/>
      <c r="F34" s="24"/>
    </row>
    <row r="35" spans="1:6" ht="244.5" customHeight="1" x14ac:dyDescent="0.25">
      <c r="A35" s="3"/>
      <c r="B35" s="30"/>
      <c r="C35" s="30"/>
      <c r="D35" s="5"/>
      <c r="E35" s="23"/>
      <c r="F35" s="24"/>
    </row>
    <row r="36" spans="1:6" ht="244.5" customHeight="1" x14ac:dyDescent="0.25">
      <c r="A36" s="3"/>
      <c r="B36" s="30"/>
      <c r="C36" s="30"/>
      <c r="D36" s="5"/>
      <c r="E36" s="23"/>
      <c r="F36" s="24"/>
    </row>
    <row r="37" spans="1:6" ht="244.5" customHeight="1" x14ac:dyDescent="0.25">
      <c r="A37" s="3"/>
      <c r="B37" s="30"/>
      <c r="C37" s="30"/>
      <c r="D37" s="5"/>
      <c r="E37" s="23"/>
      <c r="F37" s="24"/>
    </row>
    <row r="38" spans="1:6" ht="244.5" customHeight="1" x14ac:dyDescent="0.25">
      <c r="A38" s="3"/>
      <c r="B38" s="30"/>
      <c r="C38" s="30"/>
      <c r="D38" s="5"/>
      <c r="E38" s="23"/>
      <c r="F38" s="24"/>
    </row>
    <row r="39" spans="1:6" ht="244.5" customHeight="1" x14ac:dyDescent="0.25">
      <c r="A39" s="3"/>
      <c r="B39" s="30"/>
      <c r="C39" s="30"/>
      <c r="D39" s="5"/>
      <c r="E39" s="23"/>
      <c r="F39" s="24"/>
    </row>
    <row r="40" spans="1:6" ht="244.5" customHeight="1" x14ac:dyDescent="0.25">
      <c r="A40" s="3"/>
      <c r="B40" s="30"/>
      <c r="C40" s="30"/>
      <c r="D40" s="5"/>
      <c r="E40" s="23"/>
      <c r="F40" s="24"/>
    </row>
    <row r="41" spans="1:6" ht="244.5" customHeight="1" x14ac:dyDescent="0.25">
      <c r="A41" s="3"/>
      <c r="B41" s="30"/>
      <c r="C41" s="30"/>
      <c r="D41" s="5"/>
      <c r="E41" s="23"/>
      <c r="F41" s="24"/>
    </row>
    <row r="42" spans="1:6" ht="244.5" customHeight="1" x14ac:dyDescent="0.25">
      <c r="A42" s="3"/>
      <c r="B42" s="30"/>
      <c r="C42" s="30"/>
      <c r="D42" s="5"/>
      <c r="E42" s="23"/>
      <c r="F42" s="24"/>
    </row>
    <row r="43" spans="1:6" ht="244.5" customHeight="1" x14ac:dyDescent="0.25">
      <c r="A43" s="3"/>
      <c r="B43" s="30"/>
      <c r="C43" s="30"/>
      <c r="D43" s="5"/>
      <c r="E43" s="23"/>
      <c r="F43" s="24"/>
    </row>
    <row r="44" spans="1:6" ht="244.5" customHeight="1" x14ac:dyDescent="0.25">
      <c r="A44" s="3"/>
      <c r="B44" s="30"/>
      <c r="C44" s="30"/>
      <c r="D44" s="5"/>
      <c r="E44" s="23"/>
      <c r="F44" s="24"/>
    </row>
    <row r="45" spans="1:6" ht="244.5" customHeight="1" x14ac:dyDescent="0.25">
      <c r="A45" s="3"/>
      <c r="B45" s="30"/>
      <c r="C45" s="30"/>
      <c r="D45" s="5"/>
      <c r="E45" s="23"/>
      <c r="F45" s="24"/>
    </row>
    <row r="46" spans="1:6" ht="244.5" customHeight="1" x14ac:dyDescent="0.25">
      <c r="A46" s="3"/>
      <c r="B46" s="30"/>
      <c r="C46" s="30"/>
      <c r="D46" s="5"/>
      <c r="E46" s="23"/>
      <c r="F46" s="24"/>
    </row>
    <row r="47" spans="1:6" ht="244.5" customHeight="1" x14ac:dyDescent="0.25">
      <c r="A47" s="3"/>
      <c r="B47" s="30"/>
      <c r="C47" s="30"/>
      <c r="D47" s="5"/>
      <c r="E47" s="23"/>
      <c r="F47" s="24"/>
    </row>
    <row r="48" spans="1:6" ht="244.5" customHeight="1" x14ac:dyDescent="0.25">
      <c r="A48" s="3"/>
      <c r="B48" s="30"/>
      <c r="C48" s="30"/>
      <c r="D48" s="5"/>
      <c r="E48" s="23"/>
      <c r="F48" s="24"/>
    </row>
    <row r="49" spans="1:6" ht="244.5" customHeight="1" x14ac:dyDescent="0.25">
      <c r="A49" s="3"/>
      <c r="B49" s="30"/>
      <c r="C49" s="30"/>
      <c r="D49" s="5"/>
      <c r="E49" s="23"/>
      <c r="F49" s="24"/>
    </row>
    <row r="50" spans="1:6" ht="244.5" customHeight="1" x14ac:dyDescent="0.25">
      <c r="A50" s="3"/>
      <c r="B50" s="30"/>
      <c r="C50" s="30"/>
      <c r="D50" s="5"/>
      <c r="E50" s="23"/>
      <c r="F50" s="24"/>
    </row>
    <row r="51" spans="1:6" ht="244.5" customHeight="1" x14ac:dyDescent="0.25">
      <c r="A51" s="3"/>
      <c r="B51" s="30"/>
      <c r="C51" s="30"/>
      <c r="D51" s="5"/>
      <c r="E51" s="23"/>
      <c r="F51" s="24"/>
    </row>
    <row r="52" spans="1:6" ht="244.5" customHeight="1" x14ac:dyDescent="0.25">
      <c r="A52" s="3"/>
      <c r="B52" s="30"/>
      <c r="C52" s="30"/>
      <c r="D52" s="5"/>
      <c r="E52" s="23"/>
      <c r="F52" s="24"/>
    </row>
    <row r="53" spans="1:6" ht="244.5" customHeight="1" x14ac:dyDescent="0.25">
      <c r="A53" s="3"/>
      <c r="B53" s="30"/>
      <c r="C53" s="30"/>
      <c r="D53" s="5"/>
      <c r="E53" s="23"/>
      <c r="F53" s="24"/>
    </row>
    <row r="54" spans="1:6" ht="244.5" customHeight="1" x14ac:dyDescent="0.25">
      <c r="A54" s="3"/>
      <c r="B54" s="30"/>
      <c r="C54" s="30"/>
      <c r="D54" s="5"/>
      <c r="E54" s="23"/>
      <c r="F54" s="24"/>
    </row>
    <row r="55" spans="1:6" ht="244.5" customHeight="1" x14ac:dyDescent="0.25">
      <c r="A55" s="3"/>
      <c r="B55" s="30"/>
      <c r="C55" s="30"/>
      <c r="D55" s="5"/>
      <c r="E55" s="23"/>
      <c r="F55" s="24"/>
    </row>
    <row r="56" spans="1:6" ht="244.5" customHeight="1" x14ac:dyDescent="0.25">
      <c r="A56" s="3"/>
      <c r="B56" s="30"/>
      <c r="C56" s="30"/>
      <c r="D56" s="5"/>
      <c r="E56" s="23"/>
      <c r="F56" s="24"/>
    </row>
    <row r="57" spans="1:6" ht="244.5" customHeight="1" x14ac:dyDescent="0.25">
      <c r="A57" s="3"/>
      <c r="B57" s="30"/>
      <c r="C57" s="30"/>
      <c r="D57" s="5"/>
      <c r="E57" s="23"/>
      <c r="F57" s="24"/>
    </row>
    <row r="58" spans="1:6" ht="244.5" customHeight="1" x14ac:dyDescent="0.25">
      <c r="A58" s="3"/>
      <c r="B58" s="30"/>
      <c r="C58" s="30"/>
      <c r="D58" s="5"/>
      <c r="E58" s="23"/>
      <c r="F58" s="24"/>
    </row>
    <row r="59" spans="1:6" ht="244.5" customHeight="1" x14ac:dyDescent="0.25">
      <c r="A59" s="3"/>
      <c r="B59" s="30"/>
      <c r="C59" s="30"/>
      <c r="D59" s="5"/>
      <c r="E59" s="23"/>
      <c r="F59" s="24"/>
    </row>
    <row r="60" spans="1:6" ht="244.5" customHeight="1" x14ac:dyDescent="0.25">
      <c r="A60" s="3"/>
      <c r="B60" s="30"/>
      <c r="C60" s="30"/>
      <c r="D60" s="5"/>
      <c r="E60" s="23"/>
      <c r="F60" s="24"/>
    </row>
    <row r="61" spans="1:6" ht="244.5" customHeight="1" x14ac:dyDescent="0.25">
      <c r="A61" s="3"/>
      <c r="B61" s="30"/>
      <c r="C61" s="30"/>
      <c r="D61" s="5"/>
      <c r="E61" s="23"/>
      <c r="F61" s="24"/>
    </row>
    <row r="62" spans="1:6" ht="244.5" customHeight="1" x14ac:dyDescent="0.25">
      <c r="A62" s="3"/>
      <c r="B62" s="30"/>
      <c r="C62" s="30"/>
      <c r="D62" s="5"/>
      <c r="E62" s="23"/>
      <c r="F62" s="24"/>
    </row>
    <row r="63" spans="1:6" ht="244.5" customHeight="1" x14ac:dyDescent="0.25">
      <c r="A63" s="3"/>
      <c r="B63" s="30"/>
      <c r="C63" s="30"/>
      <c r="D63" s="5"/>
      <c r="E63" s="23"/>
      <c r="F63" s="24"/>
    </row>
    <row r="64" spans="1:6" ht="244.5" customHeight="1" x14ac:dyDescent="0.25">
      <c r="A64" s="3"/>
      <c r="B64" s="30"/>
      <c r="C64" s="30"/>
      <c r="D64" s="5"/>
      <c r="E64" s="23"/>
      <c r="F64" s="24"/>
    </row>
    <row r="65" spans="1:6" ht="244.5" customHeight="1" x14ac:dyDescent="0.25">
      <c r="A65" s="3"/>
      <c r="B65" s="30"/>
      <c r="C65" s="30"/>
      <c r="D65" s="5"/>
      <c r="E65" s="23"/>
      <c r="F65" s="24"/>
    </row>
    <row r="66" spans="1:6" ht="244.5" customHeight="1" x14ac:dyDescent="0.25">
      <c r="A66" s="3"/>
      <c r="B66" s="30"/>
      <c r="C66" s="30"/>
      <c r="D66" s="5"/>
      <c r="E66" s="23"/>
      <c r="F66" s="24"/>
    </row>
    <row r="67" spans="1:6" ht="244.5" customHeight="1" x14ac:dyDescent="0.25">
      <c r="A67" s="3"/>
      <c r="B67" s="30"/>
      <c r="C67" s="30"/>
      <c r="D67" s="5"/>
      <c r="E67" s="23"/>
      <c r="F67" s="24"/>
    </row>
    <row r="68" spans="1:6" ht="244.5" customHeight="1" x14ac:dyDescent="0.25">
      <c r="A68" s="3"/>
      <c r="B68" s="30"/>
      <c r="C68" s="30"/>
      <c r="D68" s="5"/>
      <c r="E68" s="23"/>
      <c r="F68" s="24"/>
    </row>
    <row r="69" spans="1:6" ht="244.5" customHeight="1" x14ac:dyDescent="0.25">
      <c r="A69" s="3"/>
      <c r="B69" s="30"/>
      <c r="C69" s="30"/>
      <c r="D69" s="5"/>
      <c r="E69" s="23"/>
      <c r="F69" s="24"/>
    </row>
    <row r="70" spans="1:6" ht="244.5" customHeight="1" x14ac:dyDescent="0.25">
      <c r="A70" s="3"/>
      <c r="B70" s="30"/>
      <c r="C70" s="30"/>
      <c r="D70" s="5"/>
      <c r="E70" s="23"/>
      <c r="F70" s="24"/>
    </row>
    <row r="71" spans="1:6" ht="244.5" customHeight="1" x14ac:dyDescent="0.25">
      <c r="A71" s="3"/>
      <c r="B71" s="30"/>
      <c r="C71" s="30"/>
      <c r="D71" s="5"/>
      <c r="E71" s="23"/>
      <c r="F71" s="24"/>
    </row>
    <row r="72" spans="1:6" ht="244.5" customHeight="1" x14ac:dyDescent="0.25">
      <c r="A72" s="3"/>
      <c r="B72" s="30"/>
      <c r="C72" s="30"/>
      <c r="D72" s="5"/>
      <c r="E72" s="23"/>
      <c r="F72" s="24"/>
    </row>
    <row r="73" spans="1:6" ht="244.5" customHeight="1" x14ac:dyDescent="0.25">
      <c r="A73" s="3"/>
      <c r="B73" s="30"/>
      <c r="C73" s="30"/>
      <c r="D73" s="5"/>
      <c r="E73" s="23"/>
      <c r="F73" s="24"/>
    </row>
    <row r="74" spans="1:6" ht="244.5" customHeight="1" x14ac:dyDescent="0.25">
      <c r="A74" s="3"/>
      <c r="B74" s="30"/>
      <c r="C74" s="30"/>
      <c r="D74" s="5"/>
      <c r="E74" s="23"/>
      <c r="F74" s="24"/>
    </row>
    <row r="75" spans="1:6" ht="244.5" customHeight="1" x14ac:dyDescent="0.25">
      <c r="A75" s="3"/>
      <c r="B75" s="30"/>
      <c r="C75" s="30"/>
      <c r="D75" s="5"/>
      <c r="E75" s="23"/>
      <c r="F75" s="24"/>
    </row>
    <row r="76" spans="1:6" ht="244.5" customHeight="1" x14ac:dyDescent="0.25">
      <c r="A76" s="3"/>
      <c r="B76" s="30"/>
      <c r="C76" s="30"/>
      <c r="D76" s="5"/>
      <c r="E76" s="23"/>
      <c r="F76" s="24"/>
    </row>
    <row r="77" spans="1:6" ht="244.5" customHeight="1" x14ac:dyDescent="0.25">
      <c r="A77" s="3"/>
      <c r="B77" s="30"/>
      <c r="C77" s="30"/>
      <c r="D77" s="5"/>
      <c r="E77" s="23"/>
      <c r="F77" s="24"/>
    </row>
    <row r="78" spans="1:6" ht="244.5" customHeight="1" x14ac:dyDescent="0.25">
      <c r="A78" s="3"/>
      <c r="B78" s="30"/>
      <c r="C78" s="30"/>
      <c r="D78" s="5"/>
      <c r="E78" s="23"/>
      <c r="F78" s="24"/>
    </row>
    <row r="79" spans="1:6" ht="244.5" customHeight="1" x14ac:dyDescent="0.25">
      <c r="A79" s="3"/>
      <c r="B79" s="30"/>
      <c r="C79" s="30"/>
      <c r="D79" s="5"/>
      <c r="E79" s="23"/>
      <c r="F79" s="24"/>
    </row>
    <row r="80" spans="1:6" ht="244.5" customHeight="1" x14ac:dyDescent="0.25">
      <c r="A80" s="3"/>
      <c r="B80" s="30"/>
      <c r="C80" s="30"/>
      <c r="D80" s="5"/>
      <c r="E80" s="23"/>
      <c r="F80" s="24"/>
    </row>
    <row r="81" spans="1:6" ht="244.5" customHeight="1" x14ac:dyDescent="0.25">
      <c r="A81" s="3"/>
      <c r="B81" s="30"/>
      <c r="C81" s="30"/>
      <c r="D81" s="5"/>
      <c r="E81" s="23"/>
      <c r="F81" s="24"/>
    </row>
    <row r="82" spans="1:6" ht="244.5" customHeight="1" x14ac:dyDescent="0.25">
      <c r="A82" s="3"/>
      <c r="B82" s="30"/>
      <c r="C82" s="30"/>
      <c r="D82" s="5"/>
      <c r="E82" s="23"/>
      <c r="F82" s="24"/>
    </row>
    <row r="83" spans="1:6" ht="244.5" customHeight="1" x14ac:dyDescent="0.25">
      <c r="A83" s="3"/>
      <c r="B83" s="30"/>
      <c r="C83" s="30"/>
      <c r="D83" s="5"/>
      <c r="E83" s="23"/>
      <c r="F83" s="24"/>
    </row>
    <row r="84" spans="1:6" ht="244.5" customHeight="1" x14ac:dyDescent="0.25">
      <c r="A84" s="3"/>
      <c r="B84" s="30"/>
      <c r="C84" s="30"/>
      <c r="D84" s="5"/>
      <c r="E84" s="23"/>
      <c r="F84" s="24"/>
    </row>
    <row r="85" spans="1:6" ht="244.5" customHeight="1" x14ac:dyDescent="0.25">
      <c r="A85" s="3"/>
      <c r="B85" s="30"/>
      <c r="C85" s="30"/>
      <c r="D85" s="5"/>
      <c r="E85" s="23"/>
      <c r="F85" s="24"/>
    </row>
    <row r="86" spans="1:6" ht="244.5" customHeight="1" x14ac:dyDescent="0.25">
      <c r="A86" s="3"/>
      <c r="B86" s="30"/>
      <c r="C86" s="30"/>
      <c r="D86" s="5"/>
      <c r="E86" s="23"/>
      <c r="F86" s="24"/>
    </row>
    <row r="87" spans="1:6" ht="244.5" customHeight="1" x14ac:dyDescent="0.25">
      <c r="A87" s="3"/>
      <c r="B87" s="30"/>
      <c r="C87" s="30"/>
      <c r="D87" s="5"/>
      <c r="E87" s="23"/>
      <c r="F87" s="24"/>
    </row>
    <row r="88" spans="1:6" ht="244.5" customHeight="1" x14ac:dyDescent="0.25">
      <c r="A88" s="3"/>
      <c r="B88" s="30"/>
      <c r="C88" s="30"/>
      <c r="D88" s="5"/>
      <c r="E88" s="23"/>
      <c r="F88" s="24"/>
    </row>
    <row r="89" spans="1:6" ht="244.5" customHeight="1" x14ac:dyDescent="0.25">
      <c r="A89" s="3"/>
      <c r="B89" s="30"/>
      <c r="C89" s="30"/>
      <c r="D89" s="5"/>
      <c r="E89" s="23"/>
      <c r="F89" s="24"/>
    </row>
    <row r="90" spans="1:6" ht="244.5" customHeight="1" x14ac:dyDescent="0.25">
      <c r="A90" s="3"/>
      <c r="B90" s="30"/>
      <c r="C90" s="30"/>
      <c r="D90" s="5"/>
      <c r="E90" s="23"/>
      <c r="F90" s="24"/>
    </row>
    <row r="91" spans="1:6" ht="244.5" customHeight="1" x14ac:dyDescent="0.25">
      <c r="A91" s="3"/>
      <c r="B91" s="30"/>
      <c r="C91" s="30"/>
      <c r="D91" s="5"/>
      <c r="E91" s="23"/>
      <c r="F91" s="24"/>
    </row>
    <row r="92" spans="1:6" ht="244.5" customHeight="1" x14ac:dyDescent="0.25">
      <c r="A92" s="3"/>
      <c r="B92" s="30"/>
      <c r="C92" s="30"/>
      <c r="D92" s="5"/>
      <c r="E92" s="23"/>
      <c r="F92" s="24"/>
    </row>
    <row r="93" spans="1:6" ht="244.5" customHeight="1" x14ac:dyDescent="0.25">
      <c r="A93" s="3"/>
      <c r="B93" s="30"/>
      <c r="C93" s="30"/>
      <c r="D93" s="5"/>
      <c r="E93" s="23"/>
      <c r="F93" s="24"/>
    </row>
    <row r="94" spans="1:6" ht="244.5" customHeight="1" x14ac:dyDescent="0.25">
      <c r="A94" s="3"/>
      <c r="B94" s="30"/>
      <c r="C94" s="30"/>
      <c r="D94" s="5"/>
      <c r="E94" s="23"/>
      <c r="F94" s="24"/>
    </row>
    <row r="95" spans="1:6" ht="244.5" customHeight="1" x14ac:dyDescent="0.25">
      <c r="A95" s="3"/>
      <c r="B95" s="30"/>
      <c r="C95" s="30"/>
      <c r="D95" s="5"/>
      <c r="E95" s="23"/>
      <c r="F95" s="24"/>
    </row>
    <row r="96" spans="1:6" ht="244.5" customHeight="1" x14ac:dyDescent="0.25">
      <c r="A96" s="3"/>
      <c r="B96" s="30"/>
      <c r="C96" s="30"/>
      <c r="D96" s="5"/>
      <c r="E96" s="23"/>
      <c r="F96" s="24"/>
    </row>
    <row r="97" spans="1:6" ht="244.5" customHeight="1" x14ac:dyDescent="0.25">
      <c r="A97" s="3"/>
      <c r="B97" s="30"/>
      <c r="C97" s="30"/>
      <c r="D97" s="5"/>
      <c r="E97" s="23"/>
      <c r="F97" s="24"/>
    </row>
    <row r="98" spans="1:6" ht="244.5" customHeight="1" x14ac:dyDescent="0.25">
      <c r="A98" s="3"/>
      <c r="B98" s="30"/>
      <c r="C98" s="30"/>
      <c r="D98" s="5"/>
      <c r="E98" s="23"/>
      <c r="F98" s="24"/>
    </row>
    <row r="99" spans="1:6" ht="244.5" customHeight="1" x14ac:dyDescent="0.25">
      <c r="A99" s="3"/>
      <c r="B99" s="30"/>
      <c r="C99" s="30"/>
      <c r="D99" s="5"/>
      <c r="E99" s="23"/>
      <c r="F99" s="24"/>
    </row>
    <row r="100" spans="1:6" ht="244.5" customHeight="1" x14ac:dyDescent="0.25">
      <c r="A100" s="3"/>
      <c r="B100" s="30"/>
      <c r="C100" s="30"/>
      <c r="D100" s="5"/>
      <c r="E100" s="23"/>
      <c r="F100" s="24"/>
    </row>
    <row r="101" spans="1:6" ht="244.5" customHeight="1" x14ac:dyDescent="0.25">
      <c r="A101" s="3"/>
      <c r="B101" s="30"/>
      <c r="C101" s="30"/>
      <c r="D101" s="5"/>
      <c r="E101" s="23"/>
      <c r="F101" s="24"/>
    </row>
    <row r="102" spans="1:6" ht="244.5" customHeight="1" x14ac:dyDescent="0.25">
      <c r="A102" s="3"/>
      <c r="B102" s="30"/>
      <c r="C102" s="30"/>
      <c r="D102" s="5"/>
      <c r="E102" s="23"/>
      <c r="F102" s="24"/>
    </row>
    <row r="103" spans="1:6" ht="244.5" customHeight="1" x14ac:dyDescent="0.25">
      <c r="A103" s="3"/>
      <c r="B103" s="30"/>
      <c r="C103" s="30"/>
      <c r="D103" s="5"/>
      <c r="E103" s="23"/>
      <c r="F103" s="24"/>
    </row>
    <row r="104" spans="1:6" ht="244.5" customHeight="1" x14ac:dyDescent="0.25">
      <c r="A104" s="3"/>
      <c r="B104" s="30"/>
      <c r="C104" s="30"/>
      <c r="D104" s="5"/>
      <c r="E104" s="23"/>
      <c r="F104" s="24"/>
    </row>
    <row r="105" spans="1:6" ht="244.5" customHeight="1" x14ac:dyDescent="0.25">
      <c r="A105" s="3"/>
      <c r="B105" s="30"/>
      <c r="C105" s="30"/>
      <c r="D105" s="5"/>
      <c r="E105" s="23"/>
      <c r="F105" s="24"/>
    </row>
    <row r="106" spans="1:6" ht="244.5" customHeight="1" x14ac:dyDescent="0.25">
      <c r="A106" s="3"/>
      <c r="B106" s="30"/>
      <c r="C106" s="30"/>
      <c r="D106" s="5"/>
      <c r="E106" s="23"/>
      <c r="F106" s="24"/>
    </row>
    <row r="107" spans="1:6" ht="244.5" customHeight="1" x14ac:dyDescent="0.25">
      <c r="A107" s="3"/>
      <c r="B107" s="30"/>
      <c r="C107" s="30"/>
      <c r="D107" s="5"/>
      <c r="E107" s="23"/>
      <c r="F107" s="24"/>
    </row>
    <row r="108" spans="1:6" ht="244.5" customHeight="1" x14ac:dyDescent="0.25">
      <c r="A108" s="3"/>
      <c r="B108" s="30"/>
      <c r="C108" s="30"/>
      <c r="D108" s="5"/>
      <c r="E108" s="23"/>
      <c r="F108" s="24"/>
    </row>
    <row r="109" spans="1:6" ht="244.5" customHeight="1" x14ac:dyDescent="0.25">
      <c r="A109" s="3"/>
      <c r="B109" s="30"/>
      <c r="C109" s="30"/>
      <c r="D109" s="5"/>
      <c r="E109" s="23"/>
      <c r="F109" s="24"/>
    </row>
    <row r="110" spans="1:6" ht="244.5" customHeight="1" x14ac:dyDescent="0.25">
      <c r="A110" s="3"/>
      <c r="B110" s="30"/>
      <c r="C110" s="30"/>
      <c r="D110" s="5"/>
      <c r="E110" s="23"/>
      <c r="F110" s="24"/>
    </row>
    <row r="111" spans="1:6" ht="244.5" customHeight="1" x14ac:dyDescent="0.25">
      <c r="A111" s="3"/>
      <c r="B111" s="30"/>
      <c r="C111" s="30"/>
      <c r="D111" s="5"/>
      <c r="E111" s="23"/>
      <c r="F111" s="24"/>
    </row>
    <row r="112" spans="1:6" ht="244.5" customHeight="1" x14ac:dyDescent="0.25">
      <c r="A112" s="3"/>
      <c r="B112" s="30"/>
      <c r="C112" s="30"/>
      <c r="D112" s="5"/>
      <c r="E112" s="23"/>
      <c r="F112" s="24"/>
    </row>
    <row r="113" spans="1:6" ht="244.5" customHeight="1" x14ac:dyDescent="0.25">
      <c r="A113" s="3"/>
      <c r="B113" s="30"/>
      <c r="C113" s="30"/>
      <c r="D113" s="5"/>
      <c r="E113" s="23"/>
      <c r="F113" s="24"/>
    </row>
    <row r="114" spans="1:6" ht="244.5" customHeight="1" x14ac:dyDescent="0.25">
      <c r="A114" s="3"/>
      <c r="B114" s="30"/>
      <c r="C114" s="30"/>
      <c r="D114" s="5"/>
      <c r="E114" s="23"/>
      <c r="F114" s="24"/>
    </row>
    <row r="115" spans="1:6" ht="244.5" customHeight="1" x14ac:dyDescent="0.25">
      <c r="A115" s="3"/>
      <c r="B115" s="30"/>
      <c r="C115" s="30"/>
      <c r="D115" s="5"/>
      <c r="E115" s="23"/>
      <c r="F115" s="24"/>
    </row>
    <row r="116" spans="1:6" ht="244.5" customHeight="1" x14ac:dyDescent="0.25">
      <c r="A116" s="3"/>
      <c r="B116" s="30"/>
      <c r="C116" s="30"/>
      <c r="D116" s="5"/>
      <c r="E116" s="23"/>
      <c r="F116" s="24"/>
    </row>
    <row r="117" spans="1:6" ht="244.5" customHeight="1" x14ac:dyDescent="0.25">
      <c r="A117" s="3"/>
      <c r="B117" s="30"/>
      <c r="C117" s="30"/>
      <c r="D117" s="5"/>
      <c r="E117" s="23"/>
      <c r="F117" s="24"/>
    </row>
    <row r="118" spans="1:6" ht="244.5" customHeight="1" x14ac:dyDescent="0.25">
      <c r="A118" s="3"/>
      <c r="B118" s="30"/>
      <c r="C118" s="30"/>
      <c r="D118" s="5"/>
      <c r="E118" s="23"/>
      <c r="F118" s="24"/>
    </row>
    <row r="119" spans="1:6" ht="244.5" customHeight="1" x14ac:dyDescent="0.25">
      <c r="A119" s="3"/>
      <c r="B119" s="30"/>
      <c r="C119" s="30"/>
      <c r="D119" s="5"/>
      <c r="E119" s="23"/>
      <c r="F119" s="24"/>
    </row>
    <row r="120" spans="1:6" ht="244.5" customHeight="1" x14ac:dyDescent="0.25">
      <c r="A120" s="3"/>
      <c r="B120" s="30"/>
      <c r="C120" s="30"/>
      <c r="D120" s="5"/>
      <c r="E120" s="23"/>
      <c r="F120" s="24"/>
    </row>
    <row r="121" spans="1:6" ht="244.5" customHeight="1" x14ac:dyDescent="0.25">
      <c r="A121" s="3"/>
      <c r="B121" s="30"/>
      <c r="C121" s="30"/>
      <c r="D121" s="5"/>
      <c r="E121" s="23"/>
      <c r="F121" s="24"/>
    </row>
    <row r="122" spans="1:6" ht="244.5" customHeight="1" x14ac:dyDescent="0.25">
      <c r="A122" s="3"/>
      <c r="B122" s="30"/>
      <c r="C122" s="30"/>
      <c r="D122" s="5"/>
      <c r="E122" s="23"/>
      <c r="F122" s="24"/>
    </row>
    <row r="123" spans="1:6" ht="244.5" customHeight="1" x14ac:dyDescent="0.25">
      <c r="A123" s="3"/>
      <c r="B123" s="30"/>
      <c r="C123" s="30"/>
      <c r="D123" s="5"/>
      <c r="E123" s="23"/>
      <c r="F123" s="24"/>
    </row>
    <row r="124" spans="1:6" ht="244.5" customHeight="1" x14ac:dyDescent="0.25">
      <c r="A124" s="3"/>
      <c r="B124" s="30"/>
      <c r="C124" s="30"/>
      <c r="D124" s="5"/>
      <c r="E124" s="23"/>
      <c r="F124" s="24"/>
    </row>
    <row r="125" spans="1:6" ht="244.5" customHeight="1" x14ac:dyDescent="0.25">
      <c r="A125" s="3"/>
      <c r="B125" s="30"/>
      <c r="C125" s="30"/>
      <c r="D125" s="5"/>
      <c r="E125" s="23"/>
      <c r="F125" s="24"/>
    </row>
    <row r="126" spans="1:6" ht="244.5" customHeight="1" x14ac:dyDescent="0.25">
      <c r="A126" s="3"/>
      <c r="B126" s="30"/>
      <c r="C126" s="30"/>
      <c r="D126" s="5"/>
      <c r="E126" s="23"/>
      <c r="F126" s="24"/>
    </row>
    <row r="127" spans="1:6" ht="244.5" customHeight="1" x14ac:dyDescent="0.25">
      <c r="A127" s="3"/>
      <c r="B127" s="30"/>
      <c r="C127" s="30"/>
      <c r="D127" s="5"/>
      <c r="E127" s="23"/>
      <c r="F127" s="24"/>
    </row>
    <row r="128" spans="1:6" ht="244.5" customHeight="1" x14ac:dyDescent="0.25">
      <c r="A128" s="3"/>
      <c r="B128" s="30"/>
      <c r="C128" s="30"/>
      <c r="D128" s="5"/>
      <c r="E128" s="23"/>
      <c r="F128" s="24"/>
    </row>
    <row r="129" spans="1:6" ht="244.5" customHeight="1" x14ac:dyDescent="0.25">
      <c r="A129" s="3"/>
      <c r="B129" s="30"/>
      <c r="C129" s="30"/>
      <c r="D129" s="5"/>
      <c r="E129" s="23"/>
      <c r="F129" s="24"/>
    </row>
    <row r="130" spans="1:6" ht="244.5" customHeight="1" x14ac:dyDescent="0.25">
      <c r="A130" s="3"/>
      <c r="B130" s="30"/>
      <c r="C130" s="30"/>
      <c r="D130" s="5"/>
      <c r="E130" s="23"/>
      <c r="F130" s="24"/>
    </row>
    <row r="131" spans="1:6" ht="244.5" customHeight="1" x14ac:dyDescent="0.25">
      <c r="A131" s="3"/>
      <c r="B131" s="30"/>
      <c r="C131" s="30"/>
      <c r="D131" s="5"/>
      <c r="E131" s="23"/>
      <c r="F131" s="24"/>
    </row>
    <row r="132" spans="1:6" ht="244.5" customHeight="1" x14ac:dyDescent="0.25">
      <c r="A132" s="3"/>
      <c r="B132" s="30"/>
      <c r="C132" s="30"/>
      <c r="D132" s="5"/>
      <c r="E132" s="23"/>
      <c r="F132" s="24"/>
    </row>
    <row r="133" spans="1:6" ht="244.5" customHeight="1" x14ac:dyDescent="0.25">
      <c r="A133" s="3"/>
      <c r="B133" s="30"/>
      <c r="C133" s="30"/>
      <c r="D133" s="5"/>
      <c r="E133" s="23"/>
      <c r="F133" s="24"/>
    </row>
    <row r="134" spans="1:6" ht="244.5" customHeight="1" x14ac:dyDescent="0.25">
      <c r="A134" s="3"/>
      <c r="B134" s="30"/>
      <c r="C134" s="30"/>
      <c r="D134" s="5"/>
      <c r="E134" s="23"/>
      <c r="F134" s="24"/>
    </row>
    <row r="135" spans="1:6" ht="244.5" customHeight="1" x14ac:dyDescent="0.25">
      <c r="A135" s="3"/>
      <c r="B135" s="30"/>
      <c r="C135" s="30"/>
      <c r="D135" s="5"/>
      <c r="E135" s="23"/>
      <c r="F135" s="24"/>
    </row>
    <row r="136" spans="1:6" ht="244.5" customHeight="1" x14ac:dyDescent="0.25">
      <c r="A136" s="3"/>
      <c r="B136" s="30"/>
      <c r="C136" s="30"/>
      <c r="D136" s="5"/>
      <c r="E136" s="23"/>
      <c r="F136" s="24"/>
    </row>
    <row r="137" spans="1:6" ht="244.5" customHeight="1" x14ac:dyDescent="0.25">
      <c r="A137" s="3"/>
      <c r="B137" s="30"/>
      <c r="C137" s="30"/>
      <c r="D137" s="5"/>
      <c r="E137" s="23"/>
      <c r="F137" s="24"/>
    </row>
    <row r="138" spans="1:6" ht="244.5" customHeight="1" x14ac:dyDescent="0.25">
      <c r="A138" s="3"/>
      <c r="B138" s="30"/>
      <c r="C138" s="30"/>
      <c r="D138" s="5"/>
      <c r="E138" s="23"/>
      <c r="F138" s="24"/>
    </row>
    <row r="139" spans="1:6" ht="244.5" customHeight="1" x14ac:dyDescent="0.25">
      <c r="A139" s="3"/>
      <c r="B139" s="30"/>
      <c r="C139" s="30"/>
      <c r="D139" s="5"/>
      <c r="E139" s="23"/>
      <c r="F139" s="24"/>
    </row>
    <row r="140" spans="1:6" ht="244.5" customHeight="1" x14ac:dyDescent="0.25">
      <c r="A140" s="3"/>
      <c r="B140" s="30"/>
      <c r="C140" s="30"/>
      <c r="D140" s="5"/>
      <c r="E140" s="23"/>
      <c r="F140" s="24"/>
    </row>
    <row r="141" spans="1:6" ht="244.5" customHeight="1" x14ac:dyDescent="0.25">
      <c r="A141" s="3"/>
      <c r="B141" s="30"/>
      <c r="C141" s="30"/>
      <c r="D141" s="5"/>
      <c r="E141" s="23"/>
      <c r="F141" s="24"/>
    </row>
    <row r="142" spans="1:6" ht="244.5" customHeight="1" x14ac:dyDescent="0.25">
      <c r="A142" s="3"/>
      <c r="B142" s="30"/>
      <c r="C142" s="30"/>
      <c r="D142" s="5"/>
      <c r="E142" s="23"/>
      <c r="F142" s="24"/>
    </row>
    <row r="143" spans="1:6" ht="244.5" customHeight="1" x14ac:dyDescent="0.25">
      <c r="A143" s="3"/>
      <c r="B143" s="30"/>
      <c r="C143" s="30"/>
      <c r="D143" s="5"/>
      <c r="E143" s="23"/>
      <c r="F143" s="24"/>
    </row>
    <row r="144" spans="1:6" ht="244.5" customHeight="1" x14ac:dyDescent="0.25">
      <c r="A144" s="3"/>
      <c r="B144" s="30"/>
      <c r="C144" s="30"/>
      <c r="D144" s="5"/>
      <c r="E144" s="23"/>
      <c r="F144" s="24"/>
    </row>
    <row r="145" spans="1:6" ht="244.5" customHeight="1" x14ac:dyDescent="0.25">
      <c r="A145" s="3"/>
      <c r="B145" s="30"/>
      <c r="C145" s="30"/>
      <c r="D145" s="5"/>
      <c r="E145" s="23"/>
      <c r="F145" s="24"/>
    </row>
    <row r="146" spans="1:6" ht="244.5" customHeight="1" x14ac:dyDescent="0.25">
      <c r="A146" s="3"/>
      <c r="B146" s="30"/>
      <c r="C146" s="30"/>
      <c r="D146" s="5"/>
      <c r="E146" s="23"/>
      <c r="F146" s="24"/>
    </row>
    <row r="147" spans="1:6" ht="244.5" customHeight="1" x14ac:dyDescent="0.25">
      <c r="A147" s="3"/>
      <c r="B147" s="30"/>
      <c r="C147" s="30"/>
      <c r="D147" s="5"/>
      <c r="E147" s="23"/>
      <c r="F147" s="24"/>
    </row>
    <row r="148" spans="1:6" ht="244.5" customHeight="1" x14ac:dyDescent="0.25">
      <c r="A148" s="3"/>
      <c r="B148" s="30"/>
      <c r="C148" s="30"/>
      <c r="D148" s="5"/>
      <c r="E148" s="23"/>
      <c r="F148" s="24"/>
    </row>
    <row r="149" spans="1:6" ht="244.5" customHeight="1" x14ac:dyDescent="0.25">
      <c r="A149" s="3"/>
      <c r="B149" s="30"/>
      <c r="C149" s="30"/>
      <c r="D149" s="5"/>
      <c r="E149" s="23"/>
      <c r="F149" s="24"/>
    </row>
    <row r="150" spans="1:6" ht="244.5" customHeight="1" x14ac:dyDescent="0.25">
      <c r="A150" s="3"/>
      <c r="B150" s="30"/>
      <c r="C150" s="30"/>
      <c r="D150" s="5"/>
      <c r="E150" s="23"/>
      <c r="F150" s="24"/>
    </row>
    <row r="151" spans="1:6" ht="244.5" customHeight="1" x14ac:dyDescent="0.25">
      <c r="A151" s="3"/>
      <c r="B151" s="30"/>
      <c r="C151" s="30"/>
      <c r="D151" s="5"/>
      <c r="E151" s="23"/>
      <c r="F151" s="24"/>
    </row>
    <row r="152" spans="1:6" ht="244.5" customHeight="1" x14ac:dyDescent="0.25">
      <c r="A152" s="3"/>
      <c r="B152" s="30"/>
      <c r="C152" s="30"/>
      <c r="D152" s="5"/>
      <c r="E152" s="23"/>
      <c r="F152" s="24"/>
    </row>
    <row r="153" spans="1:6" ht="244.5" customHeight="1" x14ac:dyDescent="0.25">
      <c r="A153" s="3"/>
      <c r="B153" s="30"/>
      <c r="C153" s="30"/>
      <c r="D153" s="5"/>
      <c r="E153" s="23"/>
      <c r="F153" s="24"/>
    </row>
    <row r="154" spans="1:6" ht="244.5" customHeight="1" x14ac:dyDescent="0.25">
      <c r="A154" s="3"/>
      <c r="B154" s="30"/>
      <c r="C154" s="30"/>
      <c r="D154" s="5"/>
      <c r="E154" s="23"/>
      <c r="F154" s="24"/>
    </row>
    <row r="155" spans="1:6" ht="244.5" customHeight="1" x14ac:dyDescent="0.25">
      <c r="A155" s="3"/>
      <c r="B155" s="30"/>
      <c r="C155" s="30"/>
      <c r="D155" s="5"/>
      <c r="E155" s="23"/>
      <c r="F155" s="24"/>
    </row>
    <row r="156" spans="1:6" ht="244.5" customHeight="1" x14ac:dyDescent="0.25">
      <c r="A156" s="3"/>
      <c r="B156" s="30"/>
      <c r="C156" s="30"/>
      <c r="D156" s="5"/>
      <c r="E156" s="23"/>
      <c r="F156" s="24"/>
    </row>
    <row r="157" spans="1:6" ht="244.5" customHeight="1" x14ac:dyDescent="0.25">
      <c r="A157" s="3"/>
      <c r="B157" s="30"/>
      <c r="C157" s="30"/>
      <c r="D157" s="5"/>
      <c r="E157" s="23"/>
      <c r="F157" s="24"/>
    </row>
    <row r="158" spans="1:6" ht="244.5" customHeight="1" x14ac:dyDescent="0.25">
      <c r="A158" s="3"/>
      <c r="B158" s="30"/>
      <c r="C158" s="30"/>
      <c r="D158" s="5"/>
      <c r="E158" s="23"/>
      <c r="F158" s="24"/>
    </row>
    <row r="159" spans="1:6" ht="244.5" customHeight="1" x14ac:dyDescent="0.25">
      <c r="A159" s="3"/>
      <c r="B159" s="30"/>
      <c r="C159" s="30"/>
      <c r="D159" s="5"/>
      <c r="E159" s="23"/>
      <c r="F159" s="24"/>
    </row>
    <row r="160" spans="1:6" ht="244.5" customHeight="1" x14ac:dyDescent="0.25">
      <c r="A160" s="3"/>
      <c r="B160" s="30"/>
      <c r="C160" s="30"/>
      <c r="D160" s="5"/>
      <c r="E160" s="23"/>
      <c r="F160" s="24"/>
    </row>
    <row r="161" spans="1:6" ht="244.5" customHeight="1" x14ac:dyDescent="0.25">
      <c r="A161" s="3"/>
      <c r="B161" s="30"/>
      <c r="C161" s="30"/>
      <c r="D161" s="5"/>
      <c r="E161" s="23"/>
      <c r="F161" s="24"/>
    </row>
    <row r="162" spans="1:6" ht="244.5" customHeight="1" x14ac:dyDescent="0.25">
      <c r="A162" s="3"/>
      <c r="B162" s="30"/>
      <c r="C162" s="30"/>
      <c r="D162" s="5"/>
      <c r="E162" s="23"/>
      <c r="F162" s="24"/>
    </row>
    <row r="163" spans="1:6" ht="244.5" customHeight="1" x14ac:dyDescent="0.25">
      <c r="A163" s="3"/>
      <c r="B163" s="30"/>
      <c r="C163" s="30"/>
      <c r="D163" s="5"/>
      <c r="E163" s="23"/>
      <c r="F163" s="24"/>
    </row>
    <row r="164" spans="1:6" ht="244.5" customHeight="1" x14ac:dyDescent="0.25">
      <c r="A164" s="3"/>
      <c r="B164" s="30"/>
      <c r="C164" s="30"/>
      <c r="D164" s="5"/>
      <c r="E164" s="23"/>
      <c r="F164" s="24"/>
    </row>
    <row r="165" spans="1:6" ht="244.5" customHeight="1" x14ac:dyDescent="0.25">
      <c r="A165" s="3"/>
      <c r="B165" s="30"/>
      <c r="C165" s="30"/>
      <c r="D165" s="5"/>
      <c r="E165" s="23"/>
      <c r="F165" s="24"/>
    </row>
    <row r="166" spans="1:6" ht="244.5" customHeight="1" x14ac:dyDescent="0.25">
      <c r="A166" s="3"/>
      <c r="B166" s="30"/>
      <c r="C166" s="30"/>
      <c r="D166" s="5"/>
      <c r="E166" s="23"/>
      <c r="F166" s="24"/>
    </row>
    <row r="167" spans="1:6" ht="244.5" customHeight="1" x14ac:dyDescent="0.25">
      <c r="A167" s="3"/>
      <c r="B167" s="30"/>
      <c r="C167" s="30"/>
      <c r="D167" s="5"/>
      <c r="E167" s="23"/>
      <c r="F167" s="24"/>
    </row>
    <row r="168" spans="1:6" ht="244.5" customHeight="1" x14ac:dyDescent="0.25">
      <c r="A168" s="3"/>
      <c r="B168" s="30"/>
      <c r="C168" s="30"/>
      <c r="D168" s="5"/>
      <c r="E168" s="23"/>
      <c r="F168" s="24"/>
    </row>
    <row r="169" spans="1:6" ht="244.5" customHeight="1" x14ac:dyDescent="0.25">
      <c r="A169" s="3"/>
      <c r="B169" s="30"/>
      <c r="C169" s="30"/>
      <c r="D169" s="5"/>
      <c r="E169" s="23"/>
      <c r="F169" s="24"/>
    </row>
    <row r="170" spans="1:6" ht="244.5" customHeight="1" x14ac:dyDescent="0.25">
      <c r="A170" s="3"/>
      <c r="B170" s="30"/>
      <c r="C170" s="30"/>
      <c r="D170" s="5"/>
      <c r="E170" s="23"/>
      <c r="F170" s="24"/>
    </row>
    <row r="171" spans="1:6" ht="244.5" customHeight="1" x14ac:dyDescent="0.25">
      <c r="A171" s="3"/>
      <c r="B171" s="30"/>
      <c r="C171" s="30"/>
      <c r="D171" s="5"/>
      <c r="E171" s="23"/>
      <c r="F171" s="24"/>
    </row>
    <row r="172" spans="1:6" ht="244.5" customHeight="1" x14ac:dyDescent="0.25">
      <c r="A172" s="3"/>
      <c r="B172" s="30"/>
      <c r="C172" s="30"/>
      <c r="D172" s="5"/>
      <c r="E172" s="23"/>
      <c r="F172" s="24"/>
    </row>
    <row r="173" spans="1:6" ht="244.5" customHeight="1" x14ac:dyDescent="0.25">
      <c r="A173" s="3"/>
      <c r="B173" s="30"/>
      <c r="C173" s="30"/>
      <c r="D173" s="5"/>
      <c r="E173" s="23"/>
      <c r="F173" s="24"/>
    </row>
    <row r="174" spans="1:6" ht="244.5" customHeight="1" x14ac:dyDescent="0.25">
      <c r="A174" s="3"/>
      <c r="B174" s="30"/>
      <c r="C174" s="30"/>
      <c r="D174" s="5"/>
      <c r="E174" s="23"/>
      <c r="F174" s="24"/>
    </row>
    <row r="175" spans="1:6" ht="244.5" customHeight="1" x14ac:dyDescent="0.25">
      <c r="A175" s="3"/>
      <c r="B175" s="30"/>
      <c r="C175" s="30"/>
      <c r="D175" s="5"/>
      <c r="E175" s="23"/>
      <c r="F175" s="24"/>
    </row>
    <row r="176" spans="1:6" ht="244.5" customHeight="1" x14ac:dyDescent="0.25">
      <c r="A176" s="3"/>
      <c r="B176" s="30"/>
      <c r="C176" s="30"/>
      <c r="D176" s="5"/>
      <c r="E176" s="23"/>
      <c r="F176" s="24"/>
    </row>
    <row r="177" spans="1:6" ht="244.5" customHeight="1" x14ac:dyDescent="0.25">
      <c r="A177" s="3"/>
      <c r="B177" s="30"/>
      <c r="C177" s="30"/>
      <c r="D177" s="5"/>
      <c r="E177" s="23"/>
      <c r="F177" s="24"/>
    </row>
    <row r="178" spans="1:6" ht="244.5" customHeight="1" x14ac:dyDescent="0.25">
      <c r="A178" s="3"/>
      <c r="B178" s="30"/>
      <c r="C178" s="30"/>
      <c r="D178" s="5"/>
      <c r="E178" s="23"/>
      <c r="F178" s="24"/>
    </row>
    <row r="179" spans="1:6" ht="244.5" customHeight="1" x14ac:dyDescent="0.25">
      <c r="A179" s="3"/>
      <c r="B179" s="30"/>
      <c r="C179" s="30"/>
      <c r="D179" s="5"/>
      <c r="E179" s="23"/>
      <c r="F179" s="24"/>
    </row>
    <row r="180" spans="1:6" ht="244.5" customHeight="1" x14ac:dyDescent="0.25">
      <c r="A180" s="3"/>
      <c r="B180" s="30"/>
      <c r="C180" s="30"/>
      <c r="D180" s="5"/>
      <c r="E180" s="23"/>
      <c r="F180" s="24"/>
    </row>
    <row r="181" spans="1:6" ht="244.5" customHeight="1" x14ac:dyDescent="0.25">
      <c r="A181" s="3"/>
      <c r="B181" s="30"/>
      <c r="C181" s="30"/>
      <c r="D181" s="5"/>
      <c r="E181" s="23"/>
      <c r="F181" s="24"/>
    </row>
    <row r="182" spans="1:6" ht="244.5" customHeight="1" x14ac:dyDescent="0.25">
      <c r="A182" s="3"/>
      <c r="B182" s="30"/>
      <c r="C182" s="30"/>
      <c r="D182" s="5"/>
      <c r="E182" s="23"/>
      <c r="F182" s="24"/>
    </row>
    <row r="183" spans="1:6" ht="244.5" customHeight="1" x14ac:dyDescent="0.25">
      <c r="A183" s="3"/>
      <c r="B183" s="30"/>
      <c r="C183" s="30"/>
      <c r="D183" s="5"/>
      <c r="E183" s="23"/>
      <c r="F183" s="24"/>
    </row>
    <row r="184" spans="1:6" ht="244.5" customHeight="1" x14ac:dyDescent="0.25">
      <c r="A184" s="3"/>
      <c r="B184" s="30"/>
      <c r="C184" s="30"/>
      <c r="D184" s="5"/>
      <c r="E184" s="23"/>
      <c r="F184" s="24"/>
    </row>
    <row r="185" spans="1:6" ht="244.5" customHeight="1" x14ac:dyDescent="0.25">
      <c r="A185" s="3"/>
      <c r="B185" s="30"/>
      <c r="C185" s="30"/>
      <c r="D185" s="5"/>
      <c r="E185" s="23"/>
      <c r="F185" s="24"/>
    </row>
  </sheetData>
  <pageMargins left="0.7" right="0.7" top="0.75" bottom="0.75" header="0.3" footer="0.3"/>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blankspreadshee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eDocument" ma:contentTypeID="0x010100BF0EC9A9B1A8434EA295AD184FAAAAC600DD7F3666E7D08840BBA662C3D740D31A" ma:contentTypeVersion="204" ma:contentTypeDescription="Create a new document." ma:contentTypeScope="" ma:versionID="ae6a78ad239d20961ea7ee4e34ddd05a">
  <xsd:schema xmlns:xsd="http://www.w3.org/2001/XMLSchema" xmlns:xs="http://www.w3.org/2001/XMLSchema" xmlns:p="http://schemas.microsoft.com/office/2006/metadata/properties" xmlns:ns2="4f9c820c-e7e2-444d-97ee-45f2b3485c1d" xmlns:ns3="15ffb055-6eb4-45a1-bc20-bf2ac0d420da" xmlns:ns4="725c79e5-42ce-4aa0-ac78-b6418001f0d2" xmlns:ns5="c91a514c-9034-4fa3-897a-8352025b26ed" xmlns:ns6="7af8820d-5d77-49fd-a90f-de67c7df7ae1" xmlns:ns7="6824bcf6-5ad5-413a-b6b4-3db2634f7b96" xmlns:ns8="e339226f-05a1-4fe4-bebf-41fdd87e6f3e" xmlns:ns9="3e67a2f4-f7c3-4498-9443-74709da0f3db" xmlns:ns10="fc91264d-8b4f-407b-8dae-a327db28c5e8" xmlns:ns11="2f67f75e-f1e6-47ab-8d9a-b2f0a0443098" targetNamespace="http://schemas.microsoft.com/office/2006/metadata/properties" ma:root="true" ma:fieldsID="163e97998247f70f1deccb32f17b2eb2" ns2:_="" ns3:_="" ns4:_="" ns5:_="" ns6:_="" ns7:_="" ns8:_="" ns9:_="" ns10:_="" ns11:_="">
    <xsd:import namespace="4f9c820c-e7e2-444d-97ee-45f2b3485c1d"/>
    <xsd:import namespace="15ffb055-6eb4-45a1-bc20-bf2ac0d420da"/>
    <xsd:import namespace="725c79e5-42ce-4aa0-ac78-b6418001f0d2"/>
    <xsd:import namespace="c91a514c-9034-4fa3-897a-8352025b26ed"/>
    <xsd:import namespace="7af8820d-5d77-49fd-a90f-de67c7df7ae1"/>
    <xsd:import namespace="6824bcf6-5ad5-413a-b6b4-3db2634f7b96"/>
    <xsd:import namespace="e339226f-05a1-4fe4-bebf-41fdd87e6f3e"/>
    <xsd:import namespace="3e67a2f4-f7c3-4498-9443-74709da0f3db"/>
    <xsd:import namespace="fc91264d-8b4f-407b-8dae-a327db28c5e8"/>
    <xsd:import namespace="2f67f75e-f1e6-47ab-8d9a-b2f0a0443098"/>
    <xsd:element name="properties">
      <xsd:complexType>
        <xsd:sequence>
          <xsd:element name="documentManagement">
            <xsd:complexType>
              <xsd:all>
                <xsd:element ref="ns2:DocumentType" minOccurs="0"/>
                <xsd:element ref="ns3:KeyWords" minOccurs="0"/>
                <xsd:element ref="ns2:Narrative" minOccurs="0"/>
                <xsd:element ref="ns3:SecurityClassification" minOccurs="0"/>
                <xsd:element ref="ns2:Subactivity" minOccurs="0"/>
                <xsd:element ref="ns2:Case" minOccurs="0"/>
                <xsd:element ref="ns2:RelatedPeople" minOccurs="0"/>
                <xsd:element ref="ns2:CategoryName" minOccurs="0"/>
                <xsd:element ref="ns2:CategoryValue" minOccurs="0"/>
                <xsd:element ref="ns2:BusinessValue" minOccurs="0"/>
                <xsd:element ref="ns2:FunctionGroup" minOccurs="0"/>
                <xsd:element ref="ns2:Function" minOccurs="0"/>
                <xsd:element ref="ns2:PRAType" minOccurs="0"/>
                <xsd:element ref="ns2:PRADate1" minOccurs="0"/>
                <xsd:element ref="ns2:PRADate2" minOccurs="0"/>
                <xsd:element ref="ns2:PRADate3" minOccurs="0"/>
                <xsd:element ref="ns2:PRADateDisposal" minOccurs="0"/>
                <xsd:element ref="ns2:PRADateTrigger" minOccurs="0"/>
                <xsd:element ref="ns2:PRAText1" minOccurs="0"/>
                <xsd:element ref="ns2:PRAText2" minOccurs="0"/>
                <xsd:element ref="ns2:PRAText3" minOccurs="0"/>
                <xsd:element ref="ns2:PRAText4" minOccurs="0"/>
                <xsd:element ref="ns2:PRAText5" minOccurs="0"/>
                <xsd:element ref="ns2:AggregationStatus" minOccurs="0"/>
                <xsd:element ref="ns2:Project" minOccurs="0"/>
                <xsd:element ref="ns2:Activity" minOccurs="0"/>
                <xsd:element ref="ns4:AggregationNarrative" minOccurs="0"/>
                <xsd:element ref="ns5:Channel" minOccurs="0"/>
                <xsd:element ref="ns5:Team" minOccurs="0"/>
                <xsd:element ref="ns5:Level2" minOccurs="0"/>
                <xsd:element ref="ns5:Level3" minOccurs="0"/>
                <xsd:element ref="ns5:Year" minOccurs="0"/>
                <xsd:element ref="ns5:OverrideLabel" minOccurs="0"/>
                <xsd:element ref="ns5:SetLabel" minOccurs="0"/>
                <xsd:element ref="ns6:zMigrationID" minOccurs="0"/>
                <xsd:element ref="ns6:zLegacy" minOccurs="0"/>
                <xsd:element ref="ns6:zLegacyJSON" minOccurs="0"/>
                <xsd:element ref="ns7:Status" minOccurs="0"/>
                <xsd:element ref="ns7:RelatedConsent" minOccurs="0"/>
                <xsd:element ref="ns8:ConsentID" minOccurs="0"/>
                <xsd:element ref="ns9:TransferredTimestamp" minOccurs="0"/>
                <xsd:element ref="ns10:Links" minOccurs="0"/>
                <xsd:element ref="ns10:MediaServiceMetadata" minOccurs="0"/>
                <xsd:element ref="ns10:MediaServiceFastMetadata" minOccurs="0"/>
                <xsd:element ref="ns10:MediaServiceObjectDetectorVersions" minOccurs="0"/>
                <xsd:element ref="ns10:lcf76f155ced4ddcb4097134ff3c332f" minOccurs="0"/>
                <xsd:element ref="ns11:TaxCatchAll" minOccurs="0"/>
                <xsd:element ref="ns10:MediaServiceDateTaken" minOccurs="0"/>
                <xsd:element ref="ns10:MediaServiceLocation" minOccurs="0"/>
                <xsd:element ref="ns10:MediaServiceGenerationTime" minOccurs="0"/>
                <xsd:element ref="ns10:MediaServiceEventHashCode" minOccurs="0"/>
                <xsd:element ref="ns10:MediaLengthInSeconds" minOccurs="0"/>
                <xsd:element ref="ns10:MediaServiceOCR" minOccurs="0"/>
                <xsd:element ref="ns11:_dlc_DocIdUrl" minOccurs="0"/>
                <xsd:element ref="ns10:MediaServiceSearchProperties" minOccurs="0"/>
                <xsd:element ref="ns2:Sent"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f9c820c-e7e2-444d-97ee-45f2b3485c1d" elementFormDefault="qualified">
    <xsd:import namespace="http://schemas.microsoft.com/office/2006/documentManagement/types"/>
    <xsd:import namespace="http://schemas.microsoft.com/office/infopath/2007/PartnerControls"/>
    <xsd:element name="DocumentType" ma:index="8" nillable="true" ma:displayName="Document Type" ma:format="Dropdown" ma:hidden="true" ma:internalName="DocumentType" ma:readOnly="false">
      <xsd:simpleType>
        <xsd:restriction base="dms:Choice">
          <xsd:enumeration value="APPLICATION, certificate, consent related"/>
          <xsd:enumeration value="CONTRACT, Variation, Agreement"/>
          <xsd:enumeration value="CORRESPONDENCE"/>
          <xsd:enumeration value="DRAWING, Plan, Map"/>
          <xsd:enumeration value="EMPLOYMENT related"/>
          <xsd:enumeration value="FINANCIAL related"/>
          <xsd:enumeration value="KNOWLEDGE article"/>
          <xsd:enumeration value="MEETING related"/>
          <xsd:enumeration value="MEMO, Filenote, Email"/>
          <xsd:enumeration value="MODEL, Calculation, Working"/>
          <xsd:enumeration value="PHOTO, Image or Multi-media"/>
          <xsd:enumeration value="PRESENTATION"/>
          <xsd:enumeration value="PUBLICATION material"/>
          <xsd:enumeration value="PURCHASING related"/>
          <xsd:enumeration value="REPORT, or planning related"/>
          <xsd:enumeration value="RULES, Policy, Bylaw, procedure"/>
          <xsd:enumeration value="SERVICE REQUEST related"/>
          <xsd:enumeration value="SPECIFICATION or standard"/>
          <xsd:enumeration value="SUPPLIER PRODUCT Info"/>
          <xsd:enumeration value="TEMPLATE, Checklist or Form"/>
        </xsd:restriction>
      </xsd:simpleType>
    </xsd:element>
    <xsd:element name="Narrative" ma:index="10" nillable="true" ma:displayName="Narrative" ma:hidden="true" ma:internalName="Narrative" ma:readOnly="false">
      <xsd:simpleType>
        <xsd:restriction base="dms:Note"/>
      </xsd:simpleType>
    </xsd:element>
    <xsd:element name="Subactivity" ma:index="12" nillable="true" ma:displayName="Subactivity" ma:format="Dropdown" ma:hidden="true" ma:internalName="Subactivity" ma:readOnly="false">
      <xsd:simpleType>
        <xsd:union memberTypes="dms:Text">
          <xsd:simpleType>
            <xsd:restriction base="dms:Choice">
              <xsd:enumeration value="Consents Hearings"/>
              <xsd:enumeration value="Consents General"/>
              <xsd:enumeration value="Costs"/>
              <xsd:enumeration value="Consent Docs Online"/>
            </xsd:restriction>
          </xsd:simpleType>
        </xsd:union>
      </xsd:simpleType>
    </xsd:element>
    <xsd:element name="Case" ma:index="13" nillable="true" ma:displayName="Case" ma:default="NA" ma:hidden="true" ma:internalName="Case" ma:readOnly="false">
      <xsd:simpleType>
        <xsd:restriction base="dms:Text">
          <xsd:maxLength value="255"/>
        </xsd:restriction>
      </xsd:simpleType>
    </xsd:element>
    <xsd:element name="RelatedPeople" ma:index="14" nillable="true" ma:displayName="Related People" ma:hidden="true" ma:list="UserInfo" ma:SharePointGroup="0" ma:internalName="RelatedPeople"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ategoryName" ma:index="15" nillable="true" ma:displayName="Category 1" ma:default="NA" ma:hidden="true" ma:internalName="CategoryName" ma:readOnly="false">
      <xsd:simpleType>
        <xsd:restriction base="dms:Text">
          <xsd:maxLength value="255"/>
        </xsd:restriction>
      </xsd:simpleType>
    </xsd:element>
    <xsd:element name="CategoryValue" ma:index="16" nillable="true" ma:displayName="Category 2" ma:default="NA" ma:hidden="true" ma:internalName="CategoryValue" ma:readOnly="false">
      <xsd:simpleType>
        <xsd:restriction base="dms:Text">
          <xsd:maxLength value="255"/>
        </xsd:restriction>
      </xsd:simpleType>
    </xsd:element>
    <xsd:element name="BusinessValue" ma:index="17" nillable="true" ma:displayName="Business Value" ma:hidden="true" ma:internalName="BusinessValue" ma:readOnly="false">
      <xsd:simpleType>
        <xsd:restriction base="dms:Text">
          <xsd:maxLength value="255"/>
        </xsd:restriction>
      </xsd:simpleType>
    </xsd:element>
    <xsd:element name="FunctionGroup" ma:index="18" nillable="true" ma:displayName="Function Group" ma:default="Regulatory" ma:hidden="true" ma:internalName="FunctionGroup" ma:readOnly="false">
      <xsd:simpleType>
        <xsd:restriction base="dms:Text">
          <xsd:maxLength value="255"/>
        </xsd:restriction>
      </xsd:simpleType>
    </xsd:element>
    <xsd:element name="Function" ma:index="19" nillable="true" ma:displayName="Function" ma:default="Resource Consents" ma:hidden="true" ma:internalName="Function" ma:readOnly="false">
      <xsd:simpleType>
        <xsd:restriction base="dms:Text">
          <xsd:maxLength value="255"/>
        </xsd:restriction>
      </xsd:simpleType>
    </xsd:element>
    <xsd:element name="PRAType" ma:index="20" nillable="true" ma:displayName="PRA Type" ma:default="Doc" ma:hidden="true" ma:indexed="true" ma:internalName="PRAType" ma:readOnly="false">
      <xsd:simpleType>
        <xsd:restriction base="dms:Text">
          <xsd:maxLength value="255"/>
        </xsd:restriction>
      </xsd:simpleType>
    </xsd:element>
    <xsd:element name="PRADate1" ma:index="21" nillable="true" ma:displayName="PRA Date 1" ma:format="DateOnly" ma:hidden="true" ma:internalName="PRADate1" ma:readOnly="false">
      <xsd:simpleType>
        <xsd:restriction base="dms:DateTime"/>
      </xsd:simpleType>
    </xsd:element>
    <xsd:element name="PRADate2" ma:index="22" nillable="true" ma:displayName="PRA Date 2" ma:format="DateOnly" ma:hidden="true" ma:internalName="PRADate2" ma:readOnly="false">
      <xsd:simpleType>
        <xsd:restriction base="dms:DateTime"/>
      </xsd:simpleType>
    </xsd:element>
    <xsd:element name="PRADate3" ma:index="23" nillable="true" ma:displayName="PRA Date 3" ma:format="DateOnly" ma:hidden="true" ma:internalName="PRADate3" ma:readOnly="false">
      <xsd:simpleType>
        <xsd:restriction base="dms:DateTime"/>
      </xsd:simpleType>
    </xsd:element>
    <xsd:element name="PRADateDisposal" ma:index="24" nillable="true" ma:displayName="PRA Date Disposal" ma:format="DateOnly" ma:hidden="true" ma:internalName="PRADateDisposal" ma:readOnly="false">
      <xsd:simpleType>
        <xsd:restriction base="dms:DateTime"/>
      </xsd:simpleType>
    </xsd:element>
    <xsd:element name="PRADateTrigger" ma:index="25" nillable="true" ma:displayName="PRA Date Trigger" ma:format="DateOnly" ma:hidden="true" ma:internalName="PRADateTrigger" ma:readOnly="false">
      <xsd:simpleType>
        <xsd:restriction base="dms:DateTime"/>
      </xsd:simpleType>
    </xsd:element>
    <xsd:element name="PRAText1" ma:index="26" nillable="true" ma:displayName="PRA Text 1" ma:hidden="true" ma:internalName="PRAText1" ma:readOnly="false">
      <xsd:simpleType>
        <xsd:restriction base="dms:Text">
          <xsd:maxLength value="255"/>
        </xsd:restriction>
      </xsd:simpleType>
    </xsd:element>
    <xsd:element name="PRAText2" ma:index="27" nillable="true" ma:displayName="PRA Text 2" ma:hidden="true" ma:internalName="PRAText2" ma:readOnly="false">
      <xsd:simpleType>
        <xsd:restriction base="dms:Text">
          <xsd:maxLength value="255"/>
        </xsd:restriction>
      </xsd:simpleType>
    </xsd:element>
    <xsd:element name="PRAText3" ma:index="28" nillable="true" ma:displayName="PRA Text 3" ma:hidden="true" ma:internalName="PRAText3" ma:readOnly="false">
      <xsd:simpleType>
        <xsd:restriction base="dms:Text">
          <xsd:maxLength value="255"/>
        </xsd:restriction>
      </xsd:simpleType>
    </xsd:element>
    <xsd:element name="PRAText4" ma:index="29" nillable="true" ma:displayName="PRA Text 4" ma:hidden="true" ma:internalName="PRAText4" ma:readOnly="false">
      <xsd:simpleType>
        <xsd:restriction base="dms:Text">
          <xsd:maxLength value="255"/>
        </xsd:restriction>
      </xsd:simpleType>
    </xsd:element>
    <xsd:element name="PRAText5" ma:index="30" nillable="true" ma:displayName="PRA Text 5" ma:hidden="true" ma:indexed="true" ma:internalName="PRAText5" ma:readOnly="false">
      <xsd:simpleType>
        <xsd:restriction base="dms:Text">
          <xsd:maxLength value="255"/>
        </xsd:restriction>
      </xsd:simpleType>
    </xsd:element>
    <xsd:element name="AggregationStatus" ma:index="31" nillable="true" ma:displayName="Aggregation Status" ma:default="Normal" ma:format="Dropdown" ma:hidden="true" ma:internalName="AggregationStatus" ma:readOnly="false">
      <xsd:simpleType>
        <xsd:union memberTypes="dms:Text">
          <xsd:simpleType>
            <xsd:restriction base="dms:Choice">
              <xsd:enumeration value="Delete Soon"/>
              <xsd:enumeration value="Transfer Soon"/>
              <xsd:enumeration value="Appraise Soon"/>
              <xsd:enumeration value="Delete"/>
              <xsd:enumeration value="Transfer"/>
              <xsd:enumeration value="Appraise"/>
              <xsd:enumeration value="Hold"/>
              <xsd:enumeration value="Normal"/>
              <xsd:enumeration value="Archive"/>
            </xsd:restriction>
          </xsd:simpleType>
        </xsd:union>
      </xsd:simpleType>
    </xsd:element>
    <xsd:element name="Project" ma:index="32" nillable="true" ma:displayName="Project" ma:default="NA" ma:hidden="true" ma:internalName="Project" ma:readOnly="false">
      <xsd:simpleType>
        <xsd:restriction base="dms:Text">
          <xsd:maxLength value="255"/>
        </xsd:restriction>
      </xsd:simpleType>
    </xsd:element>
    <xsd:element name="Activity" ma:index="33" nillable="true" ma:displayName="Activity" ma:default="Resource Consents 2021" ma:hidden="true" ma:internalName="Activity" ma:readOnly="false">
      <xsd:simpleType>
        <xsd:restriction base="dms:Text">
          <xsd:maxLength value="255"/>
        </xsd:restriction>
      </xsd:simpleType>
    </xsd:element>
    <xsd:element name="Sent" ma:index="64" nillable="true" ma:displayName="Sent" ma:format="DateTime" ma:hidden="true" ma:internalName="Sent" ma:readOnly="fals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15ffb055-6eb4-45a1-bc20-bf2ac0d420da" elementFormDefault="qualified">
    <xsd:import namespace="http://schemas.microsoft.com/office/2006/documentManagement/types"/>
    <xsd:import namespace="http://schemas.microsoft.com/office/infopath/2007/PartnerControls"/>
    <xsd:element name="KeyWords" ma:index="9" nillable="true" ma:displayName="Key Words" ma:hidden="true" ma:internalName="KeyWords" ma:readOnly="false">
      <xsd:simpleType>
        <xsd:restriction base="dms:Note"/>
      </xsd:simpleType>
    </xsd:element>
    <xsd:element name="SecurityClassification" ma:index="11" nillable="true" ma:displayName="Security Classification" ma:format="Dropdown" ma:hidden="true" ma:internalName="SecurityClassification" ma:readOnly="false">
      <xsd:simpleType>
        <xsd:restriction base="dms:Choice">
          <xsd:enumeration value="Confidential"/>
          <xsd:enumeration value="Restricted"/>
          <xsd:enumeration value="Unrestricted"/>
        </xsd:restriction>
      </xsd:simpleType>
    </xsd:element>
  </xsd:schema>
  <xsd:schema xmlns:xsd="http://www.w3.org/2001/XMLSchema" xmlns:xs="http://www.w3.org/2001/XMLSchema" xmlns:dms="http://schemas.microsoft.com/office/2006/documentManagement/types" xmlns:pc="http://schemas.microsoft.com/office/infopath/2007/PartnerControls" targetNamespace="725c79e5-42ce-4aa0-ac78-b6418001f0d2" elementFormDefault="qualified">
    <xsd:import namespace="http://schemas.microsoft.com/office/2006/documentManagement/types"/>
    <xsd:import namespace="http://schemas.microsoft.com/office/infopath/2007/PartnerControls"/>
    <xsd:element name="AggregationNarrative" ma:index="34" nillable="true" ma:displayName="Aggregation Narrative" ma:hidden="true" ma:internalName="AggregationNarrative"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91a514c-9034-4fa3-897a-8352025b26ed" elementFormDefault="qualified">
    <xsd:import namespace="http://schemas.microsoft.com/office/2006/documentManagement/types"/>
    <xsd:import namespace="http://schemas.microsoft.com/office/infopath/2007/PartnerControls"/>
    <xsd:element name="Channel" ma:index="35" nillable="true" ma:displayName="Channel" ma:default="NA" ma:hidden="true" ma:internalName="Channel" ma:readOnly="false">
      <xsd:simpleType>
        <xsd:restriction base="dms:Text">
          <xsd:maxLength value="255"/>
        </xsd:restriction>
      </xsd:simpleType>
    </xsd:element>
    <xsd:element name="Team" ma:index="36" nillable="true" ma:displayName="Team" ma:default="Resource Consents" ma:hidden="true" ma:internalName="Team" ma:readOnly="false">
      <xsd:simpleType>
        <xsd:restriction base="dms:Text">
          <xsd:maxLength value="255"/>
        </xsd:restriction>
      </xsd:simpleType>
    </xsd:element>
    <xsd:element name="Level2" ma:index="37" nillable="true" ma:displayName="Level2" ma:default="NA" ma:hidden="true" ma:internalName="Level2" ma:readOnly="false">
      <xsd:simpleType>
        <xsd:restriction base="dms:Text">
          <xsd:maxLength value="255"/>
        </xsd:restriction>
      </xsd:simpleType>
    </xsd:element>
    <xsd:element name="Level3" ma:index="38" nillable="true" ma:displayName="Level3" ma:hidden="true" ma:internalName="Level3" ma:readOnly="false">
      <xsd:simpleType>
        <xsd:restriction base="dms:Text">
          <xsd:maxLength value="255"/>
        </xsd:restriction>
      </xsd:simpleType>
    </xsd:element>
    <xsd:element name="Year" ma:index="39" nillable="true" ma:displayName="Year" ma:default="NA" ma:hidden="true" ma:internalName="Year" ma:readOnly="false">
      <xsd:simpleType>
        <xsd:restriction base="dms:Text">
          <xsd:maxLength value="255"/>
        </xsd:restriction>
      </xsd:simpleType>
    </xsd:element>
    <xsd:element name="OverrideLabel" ma:index="40" nillable="true" ma:displayName="Override Label" ma:hidden="true" ma:indexed="true" ma:internalName="OverrideLabel" ma:readOnly="false">
      <xsd:simpleType>
        <xsd:restriction base="dms:Text">
          <xsd:maxLength value="255"/>
        </xsd:restriction>
      </xsd:simpleType>
    </xsd:element>
    <xsd:element name="SetLabel" ma:index="41" nillable="true" ma:displayName="Set Label" ma:default="RETAIN" ma:hidden="true" ma:indexed="true" ma:internalName="SetLabel"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af8820d-5d77-49fd-a90f-de67c7df7ae1" elementFormDefault="qualified">
    <xsd:import namespace="http://schemas.microsoft.com/office/2006/documentManagement/types"/>
    <xsd:import namespace="http://schemas.microsoft.com/office/infopath/2007/PartnerControls"/>
    <xsd:element name="zMigrationID" ma:index="42" nillable="true" ma:displayName="zMigrationID" ma:hidden="true" ma:indexed="true" ma:internalName="zMigrationID" ma:readOnly="false">
      <xsd:simpleType>
        <xsd:restriction base="dms:Text">
          <xsd:maxLength value="255"/>
        </xsd:restriction>
      </xsd:simpleType>
    </xsd:element>
    <xsd:element name="zLegacy" ma:index="43" nillable="true" ma:displayName="zLegacy" ma:hidden="true" ma:internalName="zLegacy" ma:readOnly="false">
      <xsd:simpleType>
        <xsd:restriction base="dms:Note"/>
      </xsd:simpleType>
    </xsd:element>
    <xsd:element name="zLegacyJSON" ma:index="44" nillable="true" ma:displayName="zLegacyJSON" ma:hidden="true" ma:internalName="zLegacyJSON" ma:readOnly="fals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824bcf6-5ad5-413a-b6b4-3db2634f7b96" elementFormDefault="qualified">
    <xsd:import namespace="http://schemas.microsoft.com/office/2006/documentManagement/types"/>
    <xsd:import namespace="http://schemas.microsoft.com/office/infopath/2007/PartnerControls"/>
    <xsd:element name="Status" ma:index="45" nillable="true" ma:displayName="Status" ma:hidden="true" ma:internalName="Status" ma:readOnly="false">
      <xsd:simpleType>
        <xsd:restriction base="dms:Text">
          <xsd:maxLength value="255"/>
        </xsd:restriction>
      </xsd:simpleType>
    </xsd:element>
    <xsd:element name="RelatedConsent" ma:index="46" nillable="true" ma:displayName="Related Consent" ma:hidden="true" ma:internalName="RelatedConsent"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339226f-05a1-4fe4-bebf-41fdd87e6f3e" elementFormDefault="qualified">
    <xsd:import namespace="http://schemas.microsoft.com/office/2006/documentManagement/types"/>
    <xsd:import namespace="http://schemas.microsoft.com/office/infopath/2007/PartnerControls"/>
    <xsd:element name="ConsentID" ma:index="47" nillable="true" ma:displayName="ConsentID" ma:hidden="true" ma:internalName="ConsentID"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e67a2f4-f7c3-4498-9443-74709da0f3db" elementFormDefault="qualified">
    <xsd:import namespace="http://schemas.microsoft.com/office/2006/documentManagement/types"/>
    <xsd:import namespace="http://schemas.microsoft.com/office/infopath/2007/PartnerControls"/>
    <xsd:element name="TransferredTimestamp" ma:index="48" nillable="true" ma:displayName="Transferred Timestamp" ma:hidden="true" ma:internalName="TransferredTimestamp"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c91264d-8b4f-407b-8dae-a327db28c5e8" elementFormDefault="qualified">
    <xsd:import namespace="http://schemas.microsoft.com/office/2006/documentManagement/types"/>
    <xsd:import namespace="http://schemas.microsoft.com/office/infopath/2007/PartnerControls"/>
    <xsd:element name="Links" ma:index="49" nillable="true" ma:displayName="Links" ma:internalName="Links" ma:readOnly="false">
      <xsd:simpleType>
        <xsd:restriction base="dms:Note">
          <xsd:maxLength value="255"/>
        </xsd:restriction>
      </xsd:simpleType>
    </xsd:element>
    <xsd:element name="MediaServiceMetadata" ma:index="50" nillable="true" ma:displayName="MediaServiceMetadata" ma:hidden="true" ma:internalName="MediaServiceMetadata" ma:readOnly="true">
      <xsd:simpleType>
        <xsd:restriction base="dms:Note"/>
      </xsd:simpleType>
    </xsd:element>
    <xsd:element name="MediaServiceFastMetadata" ma:index="51" nillable="true" ma:displayName="MediaServiceFastMetadata" ma:hidden="true" ma:internalName="MediaServiceFastMetadata" ma:readOnly="true">
      <xsd:simpleType>
        <xsd:restriction base="dms:Note"/>
      </xsd:simpleType>
    </xsd:element>
    <xsd:element name="MediaServiceObjectDetectorVersions" ma:index="52" nillable="true" ma:displayName="MediaServiceObjectDetectorVersions" ma:hidden="true" ma:indexed="true" ma:internalName="MediaServiceObjectDetectorVersions" ma:readOnly="true">
      <xsd:simpleType>
        <xsd:restriction base="dms:Text"/>
      </xsd:simpleType>
    </xsd:element>
    <xsd:element name="lcf76f155ced4ddcb4097134ff3c332f" ma:index="54" nillable="true" ma:taxonomy="true" ma:internalName="lcf76f155ced4ddcb4097134ff3c332f" ma:taxonomyFieldName="MediaServiceImageTags" ma:displayName="Image Tags" ma:readOnly="false" ma:fieldId="{5cf76f15-5ced-4ddc-b409-7134ff3c332f}" ma:taxonomyMulti="true" ma:sspId="c7d328cb-87b6-454d-8e4d-926b9ed8b4ae" ma:termSetId="09814cd3-568e-fe90-9814-8d621ff8fb84" ma:anchorId="fba54fb3-c3e1-fe81-a776-ca4b69148c4d" ma:open="true" ma:isKeyword="false">
      <xsd:complexType>
        <xsd:sequence>
          <xsd:element ref="pc:Terms" minOccurs="0" maxOccurs="1"/>
        </xsd:sequence>
      </xsd:complexType>
    </xsd:element>
    <xsd:element name="MediaServiceDateTaken" ma:index="56" nillable="true" ma:displayName="MediaServiceDateTaken" ma:hidden="true" ma:indexed="true" ma:internalName="MediaServiceDateTaken" ma:readOnly="true">
      <xsd:simpleType>
        <xsd:restriction base="dms:Text"/>
      </xsd:simpleType>
    </xsd:element>
    <xsd:element name="MediaServiceLocation" ma:index="57" nillable="true" ma:displayName="Location" ma:indexed="true" ma:internalName="MediaServiceLocation" ma:readOnly="true">
      <xsd:simpleType>
        <xsd:restriction base="dms:Text"/>
      </xsd:simpleType>
    </xsd:element>
    <xsd:element name="MediaServiceGenerationTime" ma:index="58" nillable="true" ma:displayName="MediaServiceGenerationTime" ma:hidden="true" ma:internalName="MediaServiceGenerationTime" ma:readOnly="true">
      <xsd:simpleType>
        <xsd:restriction base="dms:Text"/>
      </xsd:simpleType>
    </xsd:element>
    <xsd:element name="MediaServiceEventHashCode" ma:index="59" nillable="true" ma:displayName="MediaServiceEventHashCode" ma:hidden="true" ma:internalName="MediaServiceEventHashCode" ma:readOnly="true">
      <xsd:simpleType>
        <xsd:restriction base="dms:Text"/>
      </xsd:simpleType>
    </xsd:element>
    <xsd:element name="MediaLengthInSeconds" ma:index="60" nillable="true" ma:displayName="MediaLengthInSeconds" ma:hidden="true" ma:internalName="MediaLengthInSeconds" ma:readOnly="true">
      <xsd:simpleType>
        <xsd:restriction base="dms:Unknown"/>
      </xsd:simpleType>
    </xsd:element>
    <xsd:element name="MediaServiceOCR" ma:index="61" nillable="true" ma:displayName="Extracted Text" ma:internalName="MediaServiceOCR" ma:readOnly="true">
      <xsd:simpleType>
        <xsd:restriction base="dms:Note">
          <xsd:maxLength value="255"/>
        </xsd:restriction>
      </xsd:simpleType>
    </xsd:element>
    <xsd:element name="MediaServiceSearchProperties" ma:index="6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2f67f75e-f1e6-47ab-8d9a-b2f0a0443098" elementFormDefault="qualified">
    <xsd:import namespace="http://schemas.microsoft.com/office/2006/documentManagement/types"/>
    <xsd:import namespace="http://schemas.microsoft.com/office/infopath/2007/PartnerControls"/>
    <xsd:element name="TaxCatchAll" ma:index="55" nillable="true" ma:displayName="Taxonomy Catch All Column" ma:hidden="true" ma:list="{fb905ea1-d79e-4663-a00e-55a71969ae22}" ma:internalName="TaxCatchAll" ma:showField="CatchAllData" ma:web="2f67f75e-f1e6-47ab-8d9a-b2f0a0443098">
      <xsd:complexType>
        <xsd:complexContent>
          <xsd:extension base="dms:MultiChoiceLookup">
            <xsd:sequence>
              <xsd:element name="Value" type="dms:Lookup" maxOccurs="unbounded" minOccurs="0" nillable="true"/>
            </xsd:sequence>
          </xsd:extension>
        </xsd:complexContent>
      </xsd:complexType>
    </xsd:element>
    <xsd:element name="_dlc_DocIdUrl" ma:index="62" nillable="true" ma:displayName="Document ID" ma:description="Permanent link to this document." ma:hidden="true" ma:internalName="_dlc_DocIdUrl" ma:readOnly="false">
      <xsd:complexType>
        <xsd:complexContent>
          <xsd:extension base="dms:URL">
            <xsd:sequence>
              <xsd:element name="Url" type="dms:ValidUrl" minOccurs="0" nillable="true"/>
              <xsd:element name="Description" type="xsd:string"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Subactivity xmlns="4f9c820c-e7e2-444d-97ee-45f2b3485c1d">Information for limited notification</Subactivity>
    <BusinessValue xmlns="4f9c820c-e7e2-444d-97ee-45f2b3485c1d" xsi:nil="true"/>
    <PRADateDisposal xmlns="4f9c820c-e7e2-444d-97ee-45f2b3485c1d" xsi:nil="true"/>
    <KeyWords xmlns="15ffb055-6eb4-45a1-bc20-bf2ac0d420da" xsi:nil="true"/>
    <SecurityClassification xmlns="15ffb055-6eb4-45a1-bc20-bf2ac0d420da" xsi:nil="true"/>
    <PRADate3 xmlns="4f9c820c-e7e2-444d-97ee-45f2b3485c1d" xsi:nil="true"/>
    <ConsentID xmlns="e339226f-05a1-4fe4-bebf-41fdd87e6f3e">RM21.668</ConsentID>
    <PRAText5 xmlns="4f9c820c-e7e2-444d-97ee-45f2b3485c1d" xsi:nil="true"/>
    <Level2 xmlns="c91a514c-9034-4fa3-897a-8352025b26ed">NA</Level2>
    <lcf76f155ced4ddcb4097134ff3c332f xmlns="fc91264d-8b4f-407b-8dae-a327db28c5e8">
      <Terms xmlns="http://schemas.microsoft.com/office/infopath/2007/PartnerControls"/>
    </lcf76f155ced4ddcb4097134ff3c332f>
    <Activity xmlns="4f9c820c-e7e2-444d-97ee-45f2b3485c1d">Resource Consents 2021</Activity>
    <AggregationStatus xmlns="4f9c820c-e7e2-444d-97ee-45f2b3485c1d">Normal</AggregationStatus>
    <Links xmlns="fc91264d-8b4f-407b-8dae-a327db28c5e8" xsi:nil="true"/>
    <TaxCatchAll xmlns="2f67f75e-f1e6-47ab-8d9a-b2f0a0443098" xsi:nil="true"/>
    <CategoryValue xmlns="4f9c820c-e7e2-444d-97ee-45f2b3485c1d">NA</CategoryValue>
    <PRADate2 xmlns="4f9c820c-e7e2-444d-97ee-45f2b3485c1d" xsi:nil="true"/>
    <SetLabel xmlns="c91a514c-9034-4fa3-897a-8352025b26ed">RETAIN</SetLabel>
    <Sent xmlns="4f9c820c-e7e2-444d-97ee-45f2b3485c1d" xsi:nil="true"/>
    <Case xmlns="4f9c820c-e7e2-444d-97ee-45f2b3485c1d">RM21.668</Case>
    <PRAText1 xmlns="4f9c820c-e7e2-444d-97ee-45f2b3485c1d" xsi:nil="true"/>
    <PRAText4 xmlns="4f9c820c-e7e2-444d-97ee-45f2b3485c1d" xsi:nil="true"/>
    <Level3 xmlns="c91a514c-9034-4fa3-897a-8352025b26ed" xsi:nil="true"/>
    <Team xmlns="c91a514c-9034-4fa3-897a-8352025b26ed">Resource Consents</Team>
    <Project xmlns="4f9c820c-e7e2-444d-97ee-45f2b3485c1d">NA</Project>
    <zLegacy xmlns="7af8820d-5d77-49fd-a90f-de67c7df7ae1" xsi:nil="true"/>
    <FunctionGroup xmlns="4f9c820c-e7e2-444d-97ee-45f2b3485c1d">Regulatory</FunctionGroup>
    <Function xmlns="4f9c820c-e7e2-444d-97ee-45f2b3485c1d">Resource Consents</Function>
    <RelatedPeople xmlns="4f9c820c-e7e2-444d-97ee-45f2b3485c1d">
      <UserInfo>
        <DisplayName/>
        <AccountId xsi:nil="true"/>
        <AccountType/>
      </UserInfo>
    </RelatedPeople>
    <AggregationNarrative xmlns="725c79e5-42ce-4aa0-ac78-b6418001f0d2" xsi:nil="true"/>
    <Channel xmlns="c91a514c-9034-4fa3-897a-8352025b26ed">NA</Channel>
    <TransferredTimestamp xmlns="3e67a2f4-f7c3-4498-9443-74709da0f3db" xsi:nil="true"/>
    <_dlc_DocIdUrl xmlns="2f67f75e-f1e6-47ab-8d9a-b2f0a0443098">
      <Url>https://otagorc.sharepoint.com/sites/ResourceConsents/_layouts/15/DocIdRedir.aspx?ID=ResourceConsents-1836423312-41415</Url>
      <Description>ResourceConsents-1836423312-41415</Description>
    </_dlc_DocIdUrl>
    <PRAType xmlns="4f9c820c-e7e2-444d-97ee-45f2b3485c1d">Doc</PRAType>
    <PRADate1 xmlns="4f9c820c-e7e2-444d-97ee-45f2b3485c1d" xsi:nil="true"/>
    <DocumentType xmlns="4f9c820c-e7e2-444d-97ee-45f2b3485c1d" xsi:nil="true"/>
    <PRAText3 xmlns="4f9c820c-e7e2-444d-97ee-45f2b3485c1d" xsi:nil="true"/>
    <OverrideLabel xmlns="c91a514c-9034-4fa3-897a-8352025b26ed" xsi:nil="true"/>
    <RelatedConsent xmlns="6824bcf6-5ad5-413a-b6b4-3db2634f7b96" xsi:nil="true"/>
    <zLegacyJSON xmlns="7af8820d-5d77-49fd-a90f-de67c7df7ae1" xsi:nil="true"/>
    <Status xmlns="6824bcf6-5ad5-413a-b6b4-3db2634f7b96" xsi:nil="true"/>
    <Year xmlns="c91a514c-9034-4fa3-897a-8352025b26ed">2021</Year>
    <zMigrationID xmlns="7af8820d-5d77-49fd-a90f-de67c7df7ae1" xsi:nil="true"/>
    <Narrative xmlns="4f9c820c-e7e2-444d-97ee-45f2b3485c1d" xsi:nil="true"/>
    <CategoryName xmlns="4f9c820c-e7e2-444d-97ee-45f2b3485c1d">NA</CategoryName>
    <PRADateTrigger xmlns="4f9c820c-e7e2-444d-97ee-45f2b3485c1d" xsi:nil="true"/>
    <PRAText2 xmlns="4f9c820c-e7e2-444d-97ee-45f2b3485c1d" xsi:nil="true"/>
  </documentManagement>
</p:properties>
</file>

<file path=customXml/itemProps1.xml><?xml version="1.0" encoding="utf-8"?>
<ds:datastoreItem xmlns:ds="http://schemas.openxmlformats.org/officeDocument/2006/customXml" ds:itemID="{3F175DB9-0965-4EE0-A7E6-6DBDB54C2F22}">
  <ds:schemaRefs/>
</ds:datastoreItem>
</file>

<file path=customXml/itemProps2.xml><?xml version="1.0" encoding="utf-8"?>
<ds:datastoreItem xmlns:ds="http://schemas.openxmlformats.org/officeDocument/2006/customXml" ds:itemID="{0723A759-5530-4BEB-B3AB-8D45E6E0341C}">
  <ds:schemaRefs/>
</ds:datastoreItem>
</file>

<file path=customXml/itemProps3.xml><?xml version="1.0" encoding="utf-8"?>
<ds:datastoreItem xmlns:ds="http://schemas.openxmlformats.org/officeDocument/2006/customXml" ds:itemID="{55498E24-246A-4F6F-ACAF-83F31B59004F}"/>
</file>

<file path=customXml/itemProps4.xml><?xml version="1.0" encoding="utf-8"?>
<ds:datastoreItem xmlns:ds="http://schemas.openxmlformats.org/officeDocument/2006/customXml" ds:itemID="{005674FC-CAA8-4A05-BBE3-21B506B5DC3B}"/>
</file>

<file path=customXml/itemProps5.xml><?xml version="1.0" encoding="utf-8"?>
<ds:datastoreItem xmlns:ds="http://schemas.openxmlformats.org/officeDocument/2006/customXml" ds:itemID="{33D1F2B4-4C81-4794-B606-A73D2550897A}"/>
</file>

<file path=customXml/itemProps6.xml><?xml version="1.0" encoding="utf-8"?>
<ds:datastoreItem xmlns:ds="http://schemas.openxmlformats.org/officeDocument/2006/customXml" ds:itemID="{1FB9A88E-A6C6-434B-A8A3-BFC9D01EE150}"/>
</file>

<file path=docMetadata/LabelInfo.xml><?xml version="1.0" encoding="utf-8"?>
<clbl:labelList xmlns:clbl="http://schemas.microsoft.com/office/2020/mipLabelMetadata">
  <clbl:label id="{3d234255-e20f-4205-88a5-9658a402999b}" enabled="0" method="" siteId="{3d234255-e20f-4205-88a5-9658a402999b}" removed="1"/>
</clbl:labelList>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2" baseType="variant">
      <vt:variant>
        <vt:lpstr>Worksheets</vt:lpstr>
      </vt:variant>
      <vt:variant>
        <vt:i4>2</vt:i4>
      </vt:variant>
    </vt:vector>
  </HeadingPairs>
  <TitlesOfParts>
    <vt:vector size="2" baseType="lpstr">
      <vt:lpstr>Geotechnical </vt:lpstr>
      <vt:lpstr>Comments on Drawings</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4-07T21:47:21Z</dcterms:created>
  <dcterms:modified xsi:type="dcterms:W3CDTF">2024-05-14T23:52: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wsp</vt:lpwstr>
  </property>
  <property fmtid="{D5CDD505-2E9C-101B-9397-08002B2CF9AE}" pid="3" name="TemplafyTemplateId">
    <vt:lpwstr>883365131163009053</vt:lpwstr>
  </property>
  <property fmtid="{D5CDD505-2E9C-101B-9397-08002B2CF9AE}" pid="4" name="TemplafyUserProfileId">
    <vt:lpwstr>638157772806908353</vt:lpwstr>
  </property>
  <property fmtid="{D5CDD505-2E9C-101B-9397-08002B2CF9AE}" pid="5" name="TemplafyLanguageCode">
    <vt:lpwstr>en-NZ</vt:lpwstr>
  </property>
  <property fmtid="{D5CDD505-2E9C-101B-9397-08002B2CF9AE}" pid="6" name="TemplafyFromBlank">
    <vt:bool>true</vt:bool>
  </property>
  <property fmtid="{D5CDD505-2E9C-101B-9397-08002B2CF9AE}" pid="7" name="ContentTypeId">
    <vt:lpwstr>0x010100BF0EC9A9B1A8434EA295AD184FAAAAC600DD7F3666E7D08840BBA662C3D740D31A</vt:lpwstr>
  </property>
  <property fmtid="{D5CDD505-2E9C-101B-9397-08002B2CF9AE}" pid="8" name="_dlc_DocId">
    <vt:lpwstr>ResourceConsents-1836423312-41415</vt:lpwstr>
  </property>
  <property fmtid="{D5CDD505-2E9C-101B-9397-08002B2CF9AE}" pid="9" name="_dlc_DocIdItemGuid">
    <vt:lpwstr>ed106e40-af0c-4361-8de2-dafdd82e30aa</vt:lpwstr>
  </property>
  <property fmtid="{D5CDD505-2E9C-101B-9397-08002B2CF9AE}" pid="10" name="MediaServiceImageTags">
    <vt:lpwstr/>
  </property>
</Properties>
</file>